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slideLayouts/slideLayout8.xml" ContentType="application/vnd.openxmlformats-officedocument.presentationml.slideLayout+xml"/>
  <Override PartName="/ppt/theme/theme3.xml" ContentType="application/vnd.openxmlformats-officedocument.theme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heme/theme4.xml" ContentType="application/vnd.openxmlformats-officedocument.theme+xml"/>
  <Override PartName="/ppt/tags/tag11.xml" ContentType="application/vnd.openxmlformats-officedocument.presentationml.tags+xml"/>
  <Override PartName="/ppt/notesSlides/notesSlide1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2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3.xml" ContentType="application/vnd.openxmlformats-officedocument.presentationml.notesSlide+xml"/>
  <Override PartName="/ppt/tags/tag16.xml" ContentType="application/vnd.openxmlformats-officedocument.presentationml.tags+xml"/>
  <Override PartName="/ppt/notesSlides/notesSlide4.xml" ContentType="application/vnd.openxmlformats-officedocument.presentationml.notesSlide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notesSlides/notesSlide5.xml" ContentType="application/vnd.openxmlformats-officedocument.presentationml.notesSlide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notesSlides/notesSlide6.xml" ContentType="application/vnd.openxmlformats-officedocument.presentationml.notesSlide+xml"/>
  <Override PartName="/ppt/tags/tag24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  <p:sldMasterId id="2147483690" r:id="rId2"/>
    <p:sldMasterId id="2147483703" r:id="rId3"/>
  </p:sldMasterIdLst>
  <p:notesMasterIdLst>
    <p:notesMasterId r:id="rId11"/>
  </p:notesMasterIdLst>
  <p:sldIdLst>
    <p:sldId id="273" r:id="rId4"/>
    <p:sldId id="261" r:id="rId5"/>
    <p:sldId id="265" r:id="rId6"/>
    <p:sldId id="275" r:id="rId7"/>
    <p:sldId id="276" r:id="rId8"/>
    <p:sldId id="270" r:id="rId9"/>
    <p:sldId id="274" r:id="rId10"/>
  </p:sldIdLst>
  <p:sldSz cx="9144000" cy="6858000" type="screen4x3"/>
  <p:notesSz cx="6858000" cy="9144000"/>
  <p:custDataLst>
    <p:tags r:id="rId12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76B531"/>
    <a:srgbClr val="83C937"/>
    <a:srgbClr val="F9FCF5"/>
    <a:srgbClr val="3B3B3B"/>
    <a:srgbClr val="262626"/>
    <a:srgbClr val="F0F1F3"/>
    <a:srgbClr val="555555"/>
    <a:srgbClr val="333333"/>
    <a:srgbClr val="FDD23F"/>
    <a:srgbClr val="FF8271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74" autoAdjust="0"/>
    <p:restoredTop sz="96395" autoAdjust="0"/>
  </p:normalViewPr>
  <p:slideViewPr>
    <p:cSldViewPr snapToGrid="0">
      <p:cViewPr varScale="1">
        <p:scale>
          <a:sx n="87" d="100"/>
          <a:sy n="87" d="100"/>
        </p:scale>
        <p:origin x="1330" y="7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88" d="100"/>
          <a:sy n="88" d="100"/>
        </p:scale>
        <p:origin x="2820" y="66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5.xml"/><Relationship Id="rId13" Type="http://schemas.openxmlformats.org/officeDocument/2006/relationships/presProps" Target="presProps.xml"/><Relationship Id="rId3" Type="http://schemas.openxmlformats.org/officeDocument/2006/relationships/slideMaster" Target="slideMasters/slideMaster3.xml"/><Relationship Id="rId7" Type="http://schemas.openxmlformats.org/officeDocument/2006/relationships/slide" Target="slides/slide4.xml"/><Relationship Id="rId12" Type="http://schemas.openxmlformats.org/officeDocument/2006/relationships/tags" Target="tags/tag1.xml"/><Relationship Id="rId2" Type="http://schemas.openxmlformats.org/officeDocument/2006/relationships/slideMaster" Target="slideMasters/slideMaster2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2.xml"/><Relationship Id="rId15" Type="http://schemas.openxmlformats.org/officeDocument/2006/relationships/theme" Target="theme/theme1.xml"/><Relationship Id="rId10" Type="http://schemas.openxmlformats.org/officeDocument/2006/relationships/slide" Target="slides/slide7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F34F38-4F31-427D-9146-41121ED32E9D}" type="datetimeFigureOut">
              <a:rPr lang="ru-RU" smtClean="0"/>
              <a:t>29.04.2022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DB45347-D153-49DB-A749-A1599D7A0A05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4497112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1AE81F2-96D2-451B-BD09-C254BF8DBAFB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2727438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8DA0297-835B-4005-A73E-7D056FBE2D9A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5676218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8DA0297-835B-4005-A73E-7D056FBE2D9A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0749568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2304709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3889141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8DA0297-835B-4005-A73E-7D056FBE2D9A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9002438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DB45347-D153-49DB-A749-A1599D7A0A05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923766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7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2.xml"/><Relationship Id="rId1" Type="http://schemas.openxmlformats.org/officeDocument/2006/relationships/tags" Target="../tags/tag8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0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Informa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 8"/>
          <p:cNvSpPr>
            <a:spLocks noGrp="1"/>
          </p:cNvSpPr>
          <p:nvPr>
            <p:ph type="body" sz="quarter" idx="18" hasCustomPrompt="1"/>
          </p:nvPr>
        </p:nvSpPr>
        <p:spPr>
          <a:xfrm>
            <a:off x="1457073" y="2282401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15" name="Text 9"/>
          <p:cNvSpPr>
            <a:spLocks noGrp="1"/>
          </p:cNvSpPr>
          <p:nvPr>
            <p:ph type="body" sz="quarter" idx="19" hasCustomPrompt="1"/>
          </p:nvPr>
        </p:nvSpPr>
        <p:spPr>
          <a:xfrm>
            <a:off x="1457074" y="2655428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17" name="Title"/>
          <p:cNvSpPr>
            <a:spLocks noGrp="1"/>
          </p:cNvSpPr>
          <p:nvPr>
            <p:ph type="title" idx="20" hasCustomPrompt="1"/>
          </p:nvPr>
        </p:nvSpPr>
        <p:spPr>
          <a:xfrm>
            <a:off x="757395" y="843459"/>
            <a:ext cx="6459478" cy="515526"/>
          </a:xfr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400" b="1" i="0" u="none" strike="noStrike" kern="1200" cap="none" spc="0" baseline="0">
                <a:solidFill>
                  <a:srgbClr val="333333"/>
                </a:solidFill>
                <a:latin typeface="Raleway ExtraBold" panose="020B0903030101060003" pitchFamily="34" charset="-52"/>
                <a:ea typeface="+mj-ea"/>
                <a:cs typeface="+mj-cs"/>
                <a:sym typeface="+mj-lt"/>
              </a:defRPr>
            </a:lvl1pPr>
          </a:lstStyle>
          <a:p>
            <a:r>
              <a:rPr lang="en-US" dirty="0"/>
              <a:t>Click to add title</a:t>
            </a:r>
            <a:endParaRPr lang="ru-RU" dirty="0"/>
          </a:p>
        </p:txBody>
      </p:sp>
      <p:sp>
        <p:nvSpPr>
          <p:cNvPr id="16" name="Text 8"/>
          <p:cNvSpPr>
            <a:spLocks noGrp="1"/>
          </p:cNvSpPr>
          <p:nvPr>
            <p:ph type="body" sz="quarter" idx="21" hasCustomPrompt="1"/>
          </p:nvPr>
        </p:nvSpPr>
        <p:spPr>
          <a:xfrm>
            <a:off x="1457072" y="3463995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18" name="Text 9"/>
          <p:cNvSpPr>
            <a:spLocks noGrp="1"/>
          </p:cNvSpPr>
          <p:nvPr>
            <p:ph type="body" sz="quarter" idx="22" hasCustomPrompt="1"/>
          </p:nvPr>
        </p:nvSpPr>
        <p:spPr>
          <a:xfrm>
            <a:off x="1457073" y="3837022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Text 8"/>
          <p:cNvSpPr>
            <a:spLocks noGrp="1"/>
          </p:cNvSpPr>
          <p:nvPr>
            <p:ph type="body" sz="quarter" idx="23" hasCustomPrompt="1"/>
          </p:nvPr>
        </p:nvSpPr>
        <p:spPr>
          <a:xfrm>
            <a:off x="1457072" y="4641188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0" name="Text 9"/>
          <p:cNvSpPr>
            <a:spLocks noGrp="1"/>
          </p:cNvSpPr>
          <p:nvPr>
            <p:ph type="body" sz="quarter" idx="24" hasCustomPrompt="1"/>
          </p:nvPr>
        </p:nvSpPr>
        <p:spPr>
          <a:xfrm>
            <a:off x="1457073" y="5014215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1" name="Text 8"/>
          <p:cNvSpPr>
            <a:spLocks noGrp="1"/>
          </p:cNvSpPr>
          <p:nvPr>
            <p:ph type="body" sz="quarter" idx="25" hasCustomPrompt="1"/>
          </p:nvPr>
        </p:nvSpPr>
        <p:spPr>
          <a:xfrm>
            <a:off x="5610888" y="2282401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2" name="Text 9"/>
          <p:cNvSpPr>
            <a:spLocks noGrp="1"/>
          </p:cNvSpPr>
          <p:nvPr>
            <p:ph type="body" sz="quarter" idx="26" hasCustomPrompt="1"/>
          </p:nvPr>
        </p:nvSpPr>
        <p:spPr>
          <a:xfrm>
            <a:off x="5610889" y="2655428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3" name="Text 8"/>
          <p:cNvSpPr>
            <a:spLocks noGrp="1"/>
          </p:cNvSpPr>
          <p:nvPr>
            <p:ph type="body" sz="quarter" idx="27" hasCustomPrompt="1"/>
          </p:nvPr>
        </p:nvSpPr>
        <p:spPr>
          <a:xfrm>
            <a:off x="5610888" y="3463995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4" name="Text 9"/>
          <p:cNvSpPr>
            <a:spLocks noGrp="1"/>
          </p:cNvSpPr>
          <p:nvPr>
            <p:ph type="body" sz="quarter" idx="28" hasCustomPrompt="1"/>
          </p:nvPr>
        </p:nvSpPr>
        <p:spPr>
          <a:xfrm>
            <a:off x="5610888" y="3837022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5" name="Text 8"/>
          <p:cNvSpPr>
            <a:spLocks noGrp="1"/>
          </p:cNvSpPr>
          <p:nvPr>
            <p:ph type="body" sz="quarter" idx="29" hasCustomPrompt="1"/>
          </p:nvPr>
        </p:nvSpPr>
        <p:spPr>
          <a:xfrm>
            <a:off x="5610888" y="4641188"/>
            <a:ext cx="2808747" cy="337785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1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350" b="1" i="0" u="none" strike="noStrike" kern="1200" cap="none" spc="0" baseline="0">
                <a:solidFill>
                  <a:srgbClr val="3B3B3B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6" name="Text 9"/>
          <p:cNvSpPr>
            <a:spLocks noGrp="1"/>
          </p:cNvSpPr>
          <p:nvPr>
            <p:ph type="body" sz="quarter" idx="30" hasCustomPrompt="1"/>
          </p:nvPr>
        </p:nvSpPr>
        <p:spPr>
          <a:xfrm>
            <a:off x="5610888" y="5014215"/>
            <a:ext cx="2808747" cy="765594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25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rgbClr val="555555"/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5787645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urse Objectiv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9"/>
          <p:cNvSpPr>
            <a:spLocks noGrp="1"/>
          </p:cNvSpPr>
          <p:nvPr>
            <p:ph type="body" sz="quarter" idx="19"/>
          </p:nvPr>
        </p:nvSpPr>
        <p:spPr>
          <a:xfrm>
            <a:off x="907257" y="2162040"/>
            <a:ext cx="500062" cy="648000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0" i="0" u="none" strike="noStrike" kern="1200" cap="none" spc="0" baseline="0">
                <a:solidFill>
                  <a:schemeClr val="bg1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endParaRPr lang="ru-RU" dirty="0"/>
          </a:p>
        </p:txBody>
      </p:sp>
      <p:sp>
        <p:nvSpPr>
          <p:cNvPr id="16" name="Text 10"/>
          <p:cNvSpPr>
            <a:spLocks noGrp="1"/>
          </p:cNvSpPr>
          <p:nvPr>
            <p:ph type="body" sz="quarter" idx="20" hasCustomPrompt="1"/>
          </p:nvPr>
        </p:nvSpPr>
        <p:spPr>
          <a:xfrm>
            <a:off x="1503881" y="2084825"/>
            <a:ext cx="3078000" cy="648000"/>
          </a:xfrm>
          <a:prstGeom prst="rect">
            <a:avLst/>
          </a:prstGeom>
        </p:spPr>
        <p:txBody>
          <a:bodyPr vert="horz" wrap="square" lIns="91440" tIns="45720" rIns="91440" bIns="45720" anchor="ctr" anchorCtr="0">
            <a:noAutofit/>
          </a:bodyPr>
          <a:lstStyle>
            <a:lvl1pPr marL="0" marR="0" indent="0" algn="l" rtl="0" eaLnBrk="1" fontAlgn="auto" hangingPunct="1">
              <a:lnSpc>
                <a:spcPct val="117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85000"/>
                    <a:lumOff val="15000"/>
                  </a:schemeClr>
                </a:solidFill>
                <a:latin typeface="Merriweather" panose="000005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17" name="Title"/>
          <p:cNvSpPr>
            <a:spLocks noGrp="1"/>
          </p:cNvSpPr>
          <p:nvPr>
            <p:ph type="title" idx="21" hasCustomPrompt="1"/>
          </p:nvPr>
        </p:nvSpPr>
        <p:spPr>
          <a:xfrm>
            <a:off x="665455" y="995713"/>
            <a:ext cx="4416500" cy="569387"/>
          </a:xfr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325" b="1" i="0" u="none" strike="noStrike" kern="1200" cap="none" spc="0" baseline="0">
                <a:solidFill>
                  <a:srgbClr val="333333"/>
                </a:solidFill>
                <a:latin typeface="Raleway ExtraBold" panose="020B0903030101060003" pitchFamily="34" charset="-52"/>
                <a:ea typeface="+mj-ea"/>
                <a:cs typeface="+mj-cs"/>
                <a:sym typeface="+mj-lt"/>
              </a:defRPr>
            </a:lvl1pPr>
          </a:lstStyle>
          <a:p>
            <a:r>
              <a:rPr lang="en-US" dirty="0"/>
              <a:t>Click to add title</a:t>
            </a:r>
            <a:endParaRPr lang="ru-RU" dirty="0"/>
          </a:p>
        </p:txBody>
      </p:sp>
      <p:sp>
        <p:nvSpPr>
          <p:cNvPr id="26" name="Text 9"/>
          <p:cNvSpPr>
            <a:spLocks noGrp="1"/>
          </p:cNvSpPr>
          <p:nvPr>
            <p:ph type="body" sz="quarter" idx="22"/>
          </p:nvPr>
        </p:nvSpPr>
        <p:spPr>
          <a:xfrm>
            <a:off x="907257" y="2974509"/>
            <a:ext cx="500062" cy="648000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0" i="0" u="none" strike="noStrike" kern="1200" cap="none" spc="0" baseline="0">
                <a:solidFill>
                  <a:schemeClr val="bg1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endParaRPr lang="ru-RU" dirty="0"/>
          </a:p>
        </p:txBody>
      </p:sp>
      <p:sp>
        <p:nvSpPr>
          <p:cNvPr id="27" name="Text 10"/>
          <p:cNvSpPr>
            <a:spLocks noGrp="1"/>
          </p:cNvSpPr>
          <p:nvPr>
            <p:ph type="body" sz="quarter" idx="23" hasCustomPrompt="1"/>
          </p:nvPr>
        </p:nvSpPr>
        <p:spPr>
          <a:xfrm>
            <a:off x="1503881" y="2897294"/>
            <a:ext cx="3078000" cy="648000"/>
          </a:xfrm>
          <a:prstGeom prst="rect">
            <a:avLst/>
          </a:prstGeom>
        </p:spPr>
        <p:txBody>
          <a:bodyPr vert="horz" wrap="square" lIns="91440" tIns="45720" rIns="91440" bIns="45720" anchor="ctr" anchorCtr="0">
            <a:noAutofit/>
          </a:bodyPr>
          <a:lstStyle>
            <a:lvl1pPr marL="0" marR="0" indent="0" algn="l" rtl="0" eaLnBrk="1" fontAlgn="auto" hangingPunct="1">
              <a:lnSpc>
                <a:spcPct val="117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85000"/>
                    <a:lumOff val="15000"/>
                  </a:schemeClr>
                </a:solidFill>
                <a:latin typeface="Merriweather" panose="000005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8" name="Text 9"/>
          <p:cNvSpPr>
            <a:spLocks noGrp="1"/>
          </p:cNvSpPr>
          <p:nvPr>
            <p:ph type="body" sz="quarter" idx="24"/>
          </p:nvPr>
        </p:nvSpPr>
        <p:spPr>
          <a:xfrm>
            <a:off x="907257" y="3816561"/>
            <a:ext cx="500062" cy="648000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0" i="0" u="none" strike="noStrike" kern="1200" cap="none" spc="0" baseline="0">
                <a:solidFill>
                  <a:schemeClr val="bg1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endParaRPr lang="ru-RU" dirty="0"/>
          </a:p>
        </p:txBody>
      </p:sp>
      <p:sp>
        <p:nvSpPr>
          <p:cNvPr id="29" name="Text 10"/>
          <p:cNvSpPr>
            <a:spLocks noGrp="1"/>
          </p:cNvSpPr>
          <p:nvPr>
            <p:ph type="body" sz="quarter" idx="25" hasCustomPrompt="1"/>
          </p:nvPr>
        </p:nvSpPr>
        <p:spPr>
          <a:xfrm>
            <a:off x="1503881" y="3739346"/>
            <a:ext cx="3078000" cy="648000"/>
          </a:xfrm>
          <a:prstGeom prst="rect">
            <a:avLst/>
          </a:prstGeom>
        </p:spPr>
        <p:txBody>
          <a:bodyPr vert="horz" wrap="square" lIns="91440" tIns="45720" rIns="91440" bIns="45720" anchor="ctr" anchorCtr="0">
            <a:noAutofit/>
          </a:bodyPr>
          <a:lstStyle>
            <a:lvl1pPr marL="0" marR="0" indent="0" algn="l" rtl="0" eaLnBrk="1" fontAlgn="auto" hangingPunct="1">
              <a:lnSpc>
                <a:spcPct val="117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85000"/>
                    <a:lumOff val="15000"/>
                  </a:schemeClr>
                </a:solidFill>
                <a:latin typeface="Merriweather" panose="000005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30" name="Text 9"/>
          <p:cNvSpPr>
            <a:spLocks noGrp="1"/>
          </p:cNvSpPr>
          <p:nvPr>
            <p:ph type="body" sz="quarter" idx="26"/>
          </p:nvPr>
        </p:nvSpPr>
        <p:spPr>
          <a:xfrm>
            <a:off x="907257" y="4638551"/>
            <a:ext cx="500062" cy="648000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0" i="0" u="none" strike="noStrike" kern="1200" cap="none" spc="0" baseline="0">
                <a:solidFill>
                  <a:schemeClr val="bg1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endParaRPr lang="ru-RU" dirty="0"/>
          </a:p>
        </p:txBody>
      </p:sp>
      <p:sp>
        <p:nvSpPr>
          <p:cNvPr id="31" name="Text 10"/>
          <p:cNvSpPr>
            <a:spLocks noGrp="1"/>
          </p:cNvSpPr>
          <p:nvPr>
            <p:ph type="body" sz="quarter" idx="27" hasCustomPrompt="1"/>
          </p:nvPr>
        </p:nvSpPr>
        <p:spPr>
          <a:xfrm>
            <a:off x="1503881" y="4561336"/>
            <a:ext cx="3078000" cy="648000"/>
          </a:xfrm>
          <a:prstGeom prst="rect">
            <a:avLst/>
          </a:prstGeom>
        </p:spPr>
        <p:txBody>
          <a:bodyPr vert="horz" wrap="square" lIns="91440" tIns="45720" rIns="91440" bIns="45720" anchor="ctr" anchorCtr="0">
            <a:noAutofit/>
          </a:bodyPr>
          <a:lstStyle>
            <a:lvl1pPr marL="0" marR="0" indent="0" algn="l" rtl="0" eaLnBrk="1" fontAlgn="auto" hangingPunct="1">
              <a:lnSpc>
                <a:spcPct val="117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85000"/>
                    <a:lumOff val="15000"/>
                  </a:schemeClr>
                </a:solidFill>
                <a:latin typeface="Merriweather" panose="000005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5550230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1"/>
          <p:cNvSpPr>
            <a:spLocks noGrp="1"/>
          </p:cNvSpPr>
          <p:nvPr>
            <p:ph type="body" idx="10" hasCustomPrompt="1"/>
          </p:nvPr>
        </p:nvSpPr>
        <p:spPr>
          <a:xfrm>
            <a:off x="669112" y="1154279"/>
            <a:ext cx="4057809" cy="261610"/>
          </a:xfr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825" b="0" i="0" u="none" strike="noStrike" kern="1200" cap="none" spc="0" baseline="0">
                <a:solidFill>
                  <a:srgbClr val="989FA9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7" name="Text 2"/>
          <p:cNvSpPr>
            <a:spLocks noGrp="1"/>
          </p:cNvSpPr>
          <p:nvPr>
            <p:ph type="body" sz="quarter" idx="11" hasCustomPrompt="1"/>
          </p:nvPr>
        </p:nvSpPr>
        <p:spPr>
          <a:xfrm>
            <a:off x="673872" y="2453100"/>
            <a:ext cx="3517128" cy="2110321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34000"/>
              </a:lnSpc>
              <a:spcBef>
                <a:spcPts val="0"/>
              </a:spcBef>
              <a:spcAft>
                <a:spcPts val="900"/>
              </a:spcAft>
              <a:buFontTx/>
              <a:buNone/>
              <a:defRPr sz="1050" b="0" i="0" u="none" strike="noStrike" kern="1200" cap="none" spc="0" baseline="0">
                <a:solidFill>
                  <a:schemeClr val="tx1">
                    <a:lumMod val="65000"/>
                    <a:lumOff val="35000"/>
                  </a:schemeClr>
                </a:solidFill>
                <a:latin typeface="Merriweather Light" panose="00000400000000000000" pitchFamily="2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idx="12" hasCustomPrompt="1"/>
          </p:nvPr>
        </p:nvSpPr>
        <p:spPr>
          <a:xfrm>
            <a:off x="669112" y="1328488"/>
            <a:ext cx="3392275" cy="938911"/>
          </a:xfrm>
        </p:spPr>
        <p:txBody>
          <a:bodyPr vert="horz" wrap="none" lIns="91440" tIns="45720" rIns="91440" bIns="45720" anchor="b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2100" b="1" i="0" u="none" strike="noStrike" kern="1200" cap="none" spc="0" baseline="0">
                <a:solidFill>
                  <a:schemeClr val="tx1">
                    <a:lumMod val="100000"/>
                  </a:schemeClr>
                </a:solidFill>
                <a:latin typeface="Raleway ExtraBold" panose="020B0903030101060003" pitchFamily="34" charset="-52"/>
                <a:ea typeface="+mj-ea"/>
                <a:cs typeface="+mj-cs"/>
                <a:sym typeface="+mj-lt"/>
              </a:defRPr>
            </a:lvl1pPr>
          </a:lstStyle>
          <a:p>
            <a:r>
              <a:rPr lang="en-US" dirty="0"/>
              <a:t>Click to add title</a:t>
            </a:r>
            <a:endParaRPr lang="ru-RU" dirty="0"/>
          </a:p>
        </p:txBody>
      </p:sp>
      <p:sp>
        <p:nvSpPr>
          <p:cNvPr id="9" name="Picture 1"/>
          <p:cNvSpPr>
            <a:spLocks noGrp="1"/>
          </p:cNvSpPr>
          <p:nvPr>
            <p:ph type="pic" sz="quarter" idx="13"/>
          </p:nvPr>
        </p:nvSpPr>
        <p:spPr>
          <a:xfrm>
            <a:off x="4854742" y="0"/>
            <a:ext cx="4289258" cy="6858000"/>
          </a:xfrm>
          <a:prstGeom prst="rect">
            <a:avLst/>
          </a:prstGeom>
        </p:spPr>
        <p:txBody>
          <a:bodyPr>
            <a:normAutofit/>
          </a:bodyPr>
          <a:lstStyle>
            <a:lvl1pPr>
              <a:defRPr sz="1350"/>
            </a:lvl1pPr>
          </a:lstStyle>
          <a:p>
            <a:r>
              <a:rPr lang="ru-RU" dirty="0"/>
              <a:t>Вставка рисунк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086478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401496494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nclus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"/>
          <p:cNvSpPr>
            <a:spLocks noGrp="1"/>
          </p:cNvSpPr>
          <p:nvPr>
            <p:ph type="title" idx="10" hasCustomPrompt="1"/>
          </p:nvPr>
        </p:nvSpPr>
        <p:spPr>
          <a:xfrm>
            <a:off x="1528063" y="2202718"/>
            <a:ext cx="3358262" cy="461665"/>
          </a:xfr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800" b="1" i="0" u="none" strike="noStrike" kern="1200" cap="none" spc="0" baseline="0">
                <a:solidFill>
                  <a:schemeClr val="tx1">
                    <a:lumMod val="100000"/>
                  </a:schemeClr>
                </a:solidFill>
                <a:latin typeface="Raleway SemiBold" panose="020B0703030101060003" pitchFamily="34" charset="-52"/>
                <a:ea typeface="Roboto Medium" panose="02000000000000000000" pitchFamily="2" charset="0"/>
                <a:cs typeface="Roboto Medium" panose="02000000000000000000" pitchFamily="2" charset="0"/>
                <a:sym typeface="Roboto" panose="02000000000000000000" pitchFamily="2" charset="0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idx="11" hasCustomPrompt="1"/>
          </p:nvPr>
        </p:nvSpPr>
        <p:spPr>
          <a:xfrm>
            <a:off x="1547113" y="2757724"/>
            <a:ext cx="3157235" cy="1557602"/>
          </a:xfr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33000"/>
              </a:lnSpc>
              <a:spcBef>
                <a:spcPts val="0"/>
              </a:spcBef>
              <a:spcAft>
                <a:spcPts val="1238"/>
              </a:spcAft>
              <a:buFontTx/>
              <a:buNone/>
              <a:defRPr sz="1200" b="0" i="0" u="none" strike="noStrike" kern="1200" cap="none" spc="0" baseline="0">
                <a:solidFill>
                  <a:schemeClr val="tx1">
                    <a:lumMod val="75000"/>
                    <a:lumOff val="25000"/>
                  </a:schemeClr>
                </a:solidFill>
                <a:latin typeface="Merriweather" panose="00000500000000000000" pitchFamily="2" charset="-52"/>
                <a:ea typeface="Open Sans" panose="020B0606030504020204" pitchFamily="34" charset="0"/>
                <a:cs typeface="Open Sans" panose="020B0606030504020204" pitchFamily="34" charset="0"/>
                <a:sym typeface="Open Sans" panose="020B0606030504020204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Picture 1"/>
          <p:cNvSpPr>
            <a:spLocks noGrp="1"/>
          </p:cNvSpPr>
          <p:nvPr>
            <p:ph type="pic" sz="quarter" idx="12"/>
          </p:nvPr>
        </p:nvSpPr>
        <p:spPr>
          <a:xfrm>
            <a:off x="0" y="0"/>
            <a:ext cx="9144000" cy="6858000"/>
          </a:xfrm>
        </p:spPr>
        <p:txBody>
          <a:bodyPr/>
          <a:lstStyle/>
          <a:p>
            <a:r>
              <a:rPr lang="ru-RU" dirty="0"/>
              <a:t>Вставка рисунк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717533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Scenario Title">
    <p:bg>
      <p:bgPr>
        <a:solidFill>
          <a:schemeClr val="bg1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"/>
          <p:cNvSpPr>
            <a:spLocks noGrp="1"/>
          </p:cNvSpPr>
          <p:nvPr>
            <p:ph type="title" idx="10" hasCustomPrompt="1"/>
          </p:nvPr>
        </p:nvSpPr>
        <p:spPr>
          <a:xfrm>
            <a:off x="-7896" y="1810342"/>
            <a:ext cx="9151896" cy="661720"/>
          </a:xfr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4400" b="1" i="0" u="none" strike="noStrike" kern="1200" cap="none" spc="0" baseline="0">
                <a:solidFill>
                  <a:schemeClr val="bg1">
                    <a:lumMod val="100000"/>
                  </a:schemeClr>
                </a:solidFill>
                <a:latin typeface="Raleway ExtraBold" panose="020B0903030101060003" pitchFamily="34" charset="-52"/>
                <a:ea typeface="Roboto" panose="02000000000000000000" pitchFamily="2" charset="0"/>
                <a:cs typeface="Roboto" panose="02000000000000000000" pitchFamily="2" charset="0"/>
                <a:sym typeface="Roboto" panose="02000000000000000000" pitchFamily="2" charset="0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8" name="Text 2"/>
          <p:cNvSpPr>
            <a:spLocks noGrp="1"/>
          </p:cNvSpPr>
          <p:nvPr>
            <p:ph type="body" sz="quarter" idx="12" hasCustomPrompt="1"/>
          </p:nvPr>
        </p:nvSpPr>
        <p:spPr>
          <a:xfrm>
            <a:off x="1669963" y="2729647"/>
            <a:ext cx="5804074" cy="1809401"/>
          </a:xfrm>
          <a:prstGeom prst="rect">
            <a:avLst/>
          </a:prstGeom>
        </p:spPr>
        <p:txBody>
          <a:bodyPr vert="horz" wrap="squar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17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600" b="0" i="0" u="none" strike="noStrike" kern="1200" cap="none" spc="0" baseline="0">
                <a:solidFill>
                  <a:schemeClr val="bg1">
                    <a:lumMod val="100000"/>
                  </a:schemeClr>
                </a:solidFill>
                <a:latin typeface="Merriweather" panose="00000500000000000000" pitchFamily="2" charset="-52"/>
                <a:ea typeface="Open Sans" panose="020B0606030504020204" pitchFamily="34" charset="0"/>
                <a:cs typeface="Open Sans" panose="020B0606030504020204" pitchFamily="34" charset="0"/>
                <a:sym typeface="Open Sans" panose="020B0606030504020204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Text 3"/>
          <p:cNvSpPr>
            <a:spLocks noGrp="1"/>
          </p:cNvSpPr>
          <p:nvPr>
            <p:ph type="body" sz="quarter" idx="13" hasCustomPrompt="1"/>
          </p:nvPr>
        </p:nvSpPr>
        <p:spPr>
          <a:xfrm>
            <a:off x="2652958" y="1428178"/>
            <a:ext cx="3703190" cy="261610"/>
          </a:xfrm>
          <a:prstGeom prst="rect">
            <a:avLst/>
          </a:prstGeo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ctr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1200" b="1" i="0" u="none" strike="noStrike" kern="1200" cap="all" spc="53" baseline="0">
                <a:solidFill>
                  <a:schemeClr val="bg1">
                    <a:lumMod val="100000"/>
                  </a:schemeClr>
                </a:solidFill>
                <a:latin typeface="Raleway SemiBold" panose="020B0703030101060003" pitchFamily="34" charset="-52"/>
                <a:ea typeface="Roboto" panose="02000000000000000000" pitchFamily="2" charset="0"/>
                <a:cs typeface="Roboto" panose="02000000000000000000" pitchFamily="2" charset="0"/>
                <a:sym typeface="Roboto" panose="02000000000000000000" pitchFamily="2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Picture 1"/>
          <p:cNvSpPr>
            <a:spLocks noGrp="1"/>
          </p:cNvSpPr>
          <p:nvPr>
            <p:ph type="pic" sz="quarter" idx="14"/>
          </p:nvPr>
        </p:nvSpPr>
        <p:spPr>
          <a:xfrm>
            <a:off x="0" y="2"/>
            <a:ext cx="9144000" cy="6857999"/>
          </a:xfrm>
        </p:spPr>
        <p:txBody>
          <a:bodyPr/>
          <a:lstStyle>
            <a:lvl1pPr algn="ctr">
              <a:defRPr/>
            </a:lvl1pPr>
          </a:lstStyle>
          <a:p>
            <a:r>
              <a:rPr lang="ru-RU"/>
              <a:t>Вставка рисунк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845324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05607004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Products - Three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5911513" y="4167215"/>
            <a:ext cx="2444426" cy="1957361"/>
          </a:xfrm>
        </p:spPr>
        <p:txBody>
          <a:bodyPr>
            <a:noAutofit/>
          </a:bodyPr>
          <a:lstStyle>
            <a:lvl1pPr marL="0" indent="0" algn="l">
              <a:buNone/>
              <a:defRPr sz="1050">
                <a:solidFill>
                  <a:srgbClr val="555555"/>
                </a:solidFill>
                <a:latin typeface="Merriweather" panose="00000500000000000000" pitchFamily="2" charset="-52"/>
              </a:defRPr>
            </a:lvl1pPr>
            <a:lvl2pPr marL="257175" indent="0" algn="l">
              <a:buNone/>
              <a:defRPr sz="900"/>
            </a:lvl2pPr>
            <a:lvl3pPr marL="514350" indent="0" algn="l">
              <a:buNone/>
              <a:defRPr sz="900"/>
            </a:lvl3pPr>
            <a:lvl4pPr marL="771525" indent="0" algn="l">
              <a:buNone/>
              <a:defRPr sz="900"/>
            </a:lvl4pPr>
            <a:lvl5pPr marL="1028700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idx="21" hasCustomPrompt="1"/>
          </p:nvPr>
        </p:nvSpPr>
        <p:spPr>
          <a:xfrm>
            <a:off x="5904594" y="3839854"/>
            <a:ext cx="2450998" cy="375910"/>
          </a:xfrm>
        </p:spPr>
        <p:txBody>
          <a:bodyPr anchor="b">
            <a:noAutofit/>
          </a:bodyPr>
          <a:lstStyle>
            <a:lvl1pPr marL="0" indent="0">
              <a:buNone/>
              <a:defRPr sz="1500" b="1">
                <a:solidFill>
                  <a:srgbClr val="333333"/>
                </a:solidFill>
                <a:latin typeface="Raleway SemiBold" panose="020B0703030101060003" pitchFamily="34" charset="-52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Picture 1"/>
          <p:cNvSpPr>
            <a:spLocks noGrp="1"/>
          </p:cNvSpPr>
          <p:nvPr>
            <p:ph type="pic" sz="quarter" idx="12" hasCustomPrompt="1"/>
          </p:nvPr>
        </p:nvSpPr>
        <p:spPr>
          <a:xfrm>
            <a:off x="5981777" y="1736339"/>
            <a:ext cx="2376000" cy="1864112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>
                <a:solidFill>
                  <a:schemeClr val="tx1">
                    <a:lumMod val="75000"/>
                    <a:lumOff val="25000"/>
                  </a:schemeClr>
                </a:solidFill>
                <a:latin typeface="Merriweather" panose="00000500000000000000" pitchFamily="2" charset="-52"/>
              </a:defRPr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 dirty="0"/>
              <a:t>Click icon to add picture</a:t>
            </a:r>
            <a:endParaRPr lang="ru-RU" dirty="0"/>
          </a:p>
        </p:txBody>
      </p:sp>
      <p:sp>
        <p:nvSpPr>
          <p:cNvPr id="7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335690" y="4167217"/>
            <a:ext cx="2336448" cy="1957359"/>
          </a:xfrm>
        </p:spPr>
        <p:txBody>
          <a:bodyPr>
            <a:noAutofit/>
          </a:bodyPr>
          <a:lstStyle>
            <a:lvl1pPr marL="0" indent="0" algn="l">
              <a:buNone/>
              <a:defRPr sz="1050">
                <a:solidFill>
                  <a:srgbClr val="555555"/>
                </a:solidFill>
                <a:latin typeface="Merriweather" panose="00000500000000000000" pitchFamily="2" charset="-52"/>
              </a:defRPr>
            </a:lvl1pPr>
            <a:lvl2pPr marL="257175" indent="0" algn="l">
              <a:buNone/>
              <a:defRPr sz="900"/>
            </a:lvl2pPr>
            <a:lvl3pPr marL="514350" indent="0" algn="l">
              <a:buNone/>
              <a:defRPr sz="900"/>
            </a:lvl3pPr>
            <a:lvl4pPr marL="771525" indent="0" algn="l">
              <a:buNone/>
              <a:defRPr sz="900"/>
            </a:lvl4pPr>
            <a:lvl5pPr marL="1028700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4"/>
          <p:cNvSpPr>
            <a:spLocks noGrp="1"/>
          </p:cNvSpPr>
          <p:nvPr>
            <p:ph type="body" idx="20" hasCustomPrompt="1"/>
          </p:nvPr>
        </p:nvSpPr>
        <p:spPr>
          <a:xfrm>
            <a:off x="3331428" y="3839854"/>
            <a:ext cx="2334003" cy="375910"/>
          </a:xfrm>
        </p:spPr>
        <p:txBody>
          <a:bodyPr anchor="b">
            <a:noAutofit/>
          </a:bodyPr>
          <a:lstStyle>
            <a:lvl1pPr marL="0" indent="0">
              <a:buNone/>
              <a:defRPr sz="1500" b="1">
                <a:solidFill>
                  <a:srgbClr val="333333"/>
                </a:solidFill>
                <a:latin typeface="Raleway SemiBold" panose="020B0703030101060003" pitchFamily="34" charset="-52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3395107" y="1736339"/>
            <a:ext cx="2376000" cy="1864112"/>
          </a:xfrm>
        </p:spPr>
        <p:txBody>
          <a:bodyPr>
            <a:normAutofit/>
          </a:bodyPr>
          <a:lstStyle>
            <a:lvl1pPr marL="0" marR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>
                <a:latin typeface="Merriweather" panose="00000500000000000000" pitchFamily="2" charset="-52"/>
              </a:defRPr>
            </a:lvl1pPr>
          </a:lstStyle>
          <a:p>
            <a:pPr marL="0" marR="0" lvl="0" indent="0" algn="l" defTabSz="685800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 dirty="0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753731" y="4167215"/>
            <a:ext cx="2453813" cy="1957361"/>
          </a:xfrm>
        </p:spPr>
        <p:txBody>
          <a:bodyPr wrap="square">
            <a:noAutofit/>
          </a:bodyPr>
          <a:lstStyle>
            <a:lvl1pPr marL="0" indent="0" algn="l">
              <a:buNone/>
              <a:defRPr sz="1050">
                <a:solidFill>
                  <a:srgbClr val="555555"/>
                </a:solidFill>
                <a:latin typeface="Merriweather" panose="00000500000000000000" pitchFamily="2" charset="-52"/>
              </a:defRPr>
            </a:lvl1pPr>
            <a:lvl2pPr marL="257175" indent="0" algn="l">
              <a:buNone/>
              <a:defRPr sz="900"/>
            </a:lvl2pPr>
            <a:lvl3pPr marL="514350" indent="0" algn="l">
              <a:buNone/>
              <a:defRPr sz="900"/>
            </a:lvl3pPr>
            <a:lvl4pPr marL="771525" indent="0" algn="l">
              <a:buNone/>
              <a:defRPr sz="900"/>
            </a:lvl4pPr>
            <a:lvl5pPr marL="1028700" indent="0" algn="l">
              <a:buNone/>
              <a:defRPr sz="900"/>
            </a:lvl5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14" name="Text 6"/>
          <p:cNvSpPr>
            <a:spLocks noGrp="1"/>
          </p:cNvSpPr>
          <p:nvPr>
            <p:ph type="body" idx="1" hasCustomPrompt="1"/>
          </p:nvPr>
        </p:nvSpPr>
        <p:spPr>
          <a:xfrm>
            <a:off x="756387" y="3839854"/>
            <a:ext cx="2451234" cy="375910"/>
          </a:xfrm>
        </p:spPr>
        <p:txBody>
          <a:bodyPr anchor="b">
            <a:noAutofit/>
          </a:bodyPr>
          <a:lstStyle>
            <a:lvl1pPr marL="0" indent="0">
              <a:buNone/>
              <a:defRPr sz="1500" b="1">
                <a:solidFill>
                  <a:srgbClr val="333333"/>
                </a:solidFill>
                <a:latin typeface="Raleway SemiBold" panose="020B0703030101060003" pitchFamily="34" charset="-52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7175" indent="0">
              <a:buNone/>
              <a:defRPr sz="1125" b="1"/>
            </a:lvl2pPr>
            <a:lvl3pPr marL="514350" indent="0">
              <a:buNone/>
              <a:defRPr sz="1013" b="1"/>
            </a:lvl3pPr>
            <a:lvl4pPr marL="771525" indent="0">
              <a:buNone/>
              <a:defRPr sz="900" b="1"/>
            </a:lvl4pPr>
            <a:lvl5pPr marL="1028700" indent="0">
              <a:buNone/>
              <a:defRPr sz="900" b="1"/>
            </a:lvl5pPr>
            <a:lvl6pPr marL="1285875" indent="0">
              <a:buNone/>
              <a:defRPr sz="900" b="1"/>
            </a:lvl6pPr>
            <a:lvl7pPr marL="1543050" indent="0">
              <a:buNone/>
              <a:defRPr sz="900" b="1"/>
            </a:lvl7pPr>
            <a:lvl8pPr marL="1800225" indent="0">
              <a:buNone/>
              <a:defRPr sz="900" b="1"/>
            </a:lvl8pPr>
            <a:lvl9pPr marL="2057400" indent="0">
              <a:buNone/>
              <a:defRPr sz="900" b="1"/>
            </a:lvl9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3" name="Picture 3"/>
          <p:cNvSpPr>
            <a:spLocks noGrp="1"/>
          </p:cNvSpPr>
          <p:nvPr>
            <p:ph type="pic" sz="quarter" idx="10" hasCustomPrompt="1"/>
          </p:nvPr>
        </p:nvSpPr>
        <p:spPr>
          <a:xfrm>
            <a:off x="822724" y="1736339"/>
            <a:ext cx="2376000" cy="1864112"/>
          </a:xfrm>
        </p:spPr>
        <p:txBody>
          <a:bodyPr>
            <a:normAutofit/>
          </a:bodyPr>
          <a:lstStyle>
            <a:lvl1pPr marL="0" indent="0">
              <a:buNone/>
              <a:defRPr sz="1200">
                <a:latin typeface="Merriweather" panose="00000500000000000000" pitchFamily="2" charset="-52"/>
              </a:defRPr>
            </a:lvl1pPr>
          </a:lstStyle>
          <a:p>
            <a:r>
              <a:rPr lang="en-US" dirty="0"/>
              <a:t>Click icon to add picture</a:t>
            </a:r>
            <a:endParaRPr lang="ru-RU" dirty="0"/>
          </a:p>
        </p:txBody>
      </p:sp>
      <p:sp>
        <p:nvSpPr>
          <p:cNvPr id="19" name="Title"/>
          <p:cNvSpPr>
            <a:spLocks noGrp="1"/>
          </p:cNvSpPr>
          <p:nvPr>
            <p:ph type="title" hasCustomPrompt="1"/>
          </p:nvPr>
        </p:nvSpPr>
        <p:spPr>
          <a:xfrm>
            <a:off x="731237" y="828676"/>
            <a:ext cx="7918031" cy="517639"/>
          </a:xfrm>
        </p:spPr>
        <p:txBody>
          <a:bodyPr anchor="b">
            <a:noAutofit/>
          </a:bodyPr>
          <a:lstStyle>
            <a:lvl1pPr>
              <a:defRPr sz="2400">
                <a:latin typeface="Raleway SemiBold" panose="020B0703030101060003" pitchFamily="34" charset="-52"/>
              </a:defRPr>
            </a:lvl1pPr>
          </a:lstStyle>
          <a:p>
            <a:r>
              <a:rPr lang="en-US" dirty="0"/>
              <a:t>Click to add title</a:t>
            </a:r>
            <a:endParaRPr lang="ru-RU" dirty="0"/>
          </a:p>
        </p:txBody>
      </p:sp>
      <p:sp>
        <p:nvSpPr>
          <p:cNvPr id="18" name="Text 1"/>
          <p:cNvSpPr>
            <a:spLocks noGrp="1"/>
          </p:cNvSpPr>
          <p:nvPr>
            <p:ph type="body" idx="22" hasCustomPrompt="1"/>
          </p:nvPr>
        </p:nvSpPr>
        <p:spPr>
          <a:xfrm>
            <a:off x="743080" y="589395"/>
            <a:ext cx="4057809" cy="261610"/>
          </a:xfrm>
        </p:spPr>
        <p:txBody>
          <a:bodyPr vert="horz" wrap="none" lIns="91440" tIns="45720" rIns="91440" bIns="45720" anchor="t" anchorCtr="0">
            <a:noAutofit/>
          </a:bodyPr>
          <a:lstStyle>
            <a:lvl1pPr marL="0" marR="0" indent="0" algn="l" rtl="0" eaLnBrk="1" fontAlgn="auto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FontTx/>
              <a:buNone/>
              <a:defRPr sz="825" b="0" i="0" u="none" strike="noStrike" kern="1200" cap="none" spc="0" baseline="0">
                <a:solidFill>
                  <a:srgbClr val="989FA9"/>
                </a:solidFill>
                <a:latin typeface="Raleway SemiBold" panose="020B0703030101060003" pitchFamily="34" charset="-52"/>
                <a:ea typeface="+mn-ea"/>
                <a:cs typeface="+mn-cs"/>
                <a:sym typeface="+mn-lt"/>
              </a:defRPr>
            </a:lvl1pPr>
          </a:lstStyle>
          <a:p>
            <a:pPr lvl="0"/>
            <a:r>
              <a:rPr lang="en-US" dirty="0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8314834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tags" Target="../tags/tag2.xml"/><Relationship Id="rId5" Type="http://schemas.openxmlformats.org/officeDocument/2006/relationships/theme" Target="../theme/theme1.xml"/><Relationship Id="rId4" Type="http://schemas.openxmlformats.org/officeDocument/2006/relationships/slideLayout" Target="../slideLayouts/slideLayout4.xml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slideLayout" Target="../slideLayouts/slideLayout6.xml"/><Relationship Id="rId1" Type="http://schemas.openxmlformats.org/officeDocument/2006/relationships/slideLayout" Target="../slideLayouts/slideLayout5.xml"/><Relationship Id="rId5" Type="http://schemas.openxmlformats.org/officeDocument/2006/relationships/tags" Target="../tags/tag6.xml"/><Relationship Id="rId4" Type="http://schemas.openxmlformats.org/officeDocument/2006/relationships/theme" Target="../theme/theme2.xml"/></Relationships>
</file>

<file path=ppt/slideMasters/_rels/slideMaster3.xml.rels><?xml version="1.0" encoding="UTF-8" standalone="yes"?>
<Relationships xmlns="http://schemas.openxmlformats.org/package/2006/relationships"><Relationship Id="rId3" Type="http://schemas.openxmlformats.org/officeDocument/2006/relationships/tags" Target="../tags/tag9.xml"/><Relationship Id="rId2" Type="http://schemas.openxmlformats.org/officeDocument/2006/relationships/theme" Target="../theme/theme3.xml"/><Relationship Id="rId1" Type="http://schemas.openxmlformats.org/officeDocument/2006/relationships/slideLayout" Target="../slideLayouts/slideLayout8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dirty="0"/>
              <a:t>Click to add title</a:t>
            </a:r>
          </a:p>
        </p:txBody>
      </p:sp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/>
              <a:t>Click to add text</a:t>
            </a:r>
          </a:p>
        </p:txBody>
      </p:sp>
    </p:spTree>
    <p:custDataLst>
      <p:tags r:id="rId6"/>
    </p:custDataLst>
    <p:extLst>
      <p:ext uri="{BB962C8B-B14F-4D97-AF65-F5344CB8AC3E}">
        <p14:creationId xmlns:p14="http://schemas.microsoft.com/office/powerpoint/2010/main" val="400344592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6" r:id="rId1"/>
    <p:sldLayoutId id="2147483668" r:id="rId2"/>
    <p:sldLayoutId id="2147483673" r:id="rId3"/>
    <p:sldLayoutId id="2147483720" r:id="rId4"/>
  </p:sldLayoutIdLs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Raleway SemiBold" panose="020B0703030101060003" pitchFamily="34" charset="-52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6858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None/>
        <a:defRPr sz="2100" kern="1200">
          <a:solidFill>
            <a:schemeClr val="tx1"/>
          </a:solidFill>
          <a:latin typeface="Merriweather" panose="00000500000000000000" pitchFamily="2" charset="-52"/>
          <a:ea typeface="Open Sans" panose="020B0606030504020204" pitchFamily="34" charset="0"/>
          <a:cs typeface="Open Sans" panose="020B0606030504020204" pitchFamily="34" charset="0"/>
        </a:defRPr>
      </a:lvl1pPr>
      <a:lvl2pPr marL="3429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dirty="0"/>
              <a:t>Click to add title</a:t>
            </a:r>
          </a:p>
        </p:txBody>
      </p:sp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/>
              <a:t>Click to add text</a:t>
            </a:r>
          </a:p>
        </p:txBody>
      </p:sp>
    </p:spTree>
    <p:custDataLst>
      <p:tags r:id="rId5"/>
    </p:custDataLst>
    <p:extLst>
      <p:ext uri="{BB962C8B-B14F-4D97-AF65-F5344CB8AC3E}">
        <p14:creationId xmlns:p14="http://schemas.microsoft.com/office/powerpoint/2010/main" val="18927247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02" r:id="rId1"/>
    <p:sldLayoutId id="2147483691" r:id="rId2"/>
    <p:sldLayoutId id="2147483721" r:id="rId3"/>
  </p:sldLayoutIdLs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Raleway SemiBold" panose="020B0703030101060003" pitchFamily="34" charset="-52"/>
          <a:ea typeface="+mj-ea"/>
          <a:cs typeface="+mj-cs"/>
        </a:defRPr>
      </a:lvl1pPr>
    </p:titleStyle>
    <p:bodyStyle>
      <a:lvl1pPr marL="0" indent="0" algn="l" defTabSz="685800" rtl="0" eaLnBrk="1" latinLnBrk="0" hangingPunct="1">
        <a:lnSpc>
          <a:spcPct val="90000"/>
        </a:lnSpc>
        <a:spcBef>
          <a:spcPts val="750"/>
        </a:spcBef>
        <a:buFont typeface="Arial" panose="020B0604020202020204" pitchFamily="34" charset="0"/>
        <a:buNone/>
        <a:defRPr sz="2100" kern="1200">
          <a:solidFill>
            <a:schemeClr val="tx1"/>
          </a:solidFill>
          <a:latin typeface="Merriweather" panose="00000500000000000000" pitchFamily="2" charset="-52"/>
          <a:ea typeface="+mn-ea"/>
          <a:cs typeface="+mn-cs"/>
        </a:defRPr>
      </a:lvl1pPr>
      <a:lvl2pPr marL="3429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indent="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None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/>
              <a:t>Click to add text</a:t>
            </a:r>
            <a:endParaRPr lang="ru-RU" dirty="0"/>
          </a:p>
        </p:txBody>
      </p:sp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dirty="0"/>
              <a:t>Click to add title</a:t>
            </a:r>
            <a:endParaRPr lang="ru-RU" dirty="0"/>
          </a:p>
        </p:txBody>
      </p:sp>
    </p:spTree>
    <p:custDataLst>
      <p:tags r:id="rId3"/>
    </p:custDataLst>
    <p:extLst>
      <p:ext uri="{BB962C8B-B14F-4D97-AF65-F5344CB8AC3E}">
        <p14:creationId xmlns:p14="http://schemas.microsoft.com/office/powerpoint/2010/main" val="83278622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19" r:id="rId1"/>
  </p:sldLayoutIdLst>
  <p:txStyles>
    <p:titleStyle>
      <a:lvl1pPr algn="l" defTabSz="685800" rtl="0" eaLnBrk="1" latinLnBrk="0" hangingPunct="1">
        <a:lnSpc>
          <a:spcPct val="90000"/>
        </a:lnSpc>
        <a:spcBef>
          <a:spcPct val="0"/>
        </a:spcBef>
        <a:buNone/>
        <a:defRPr sz="2400" kern="1200">
          <a:solidFill>
            <a:schemeClr val="tx1">
              <a:lumMod val="75000"/>
              <a:lumOff val="25000"/>
            </a:schemeClr>
          </a:solidFill>
          <a:latin typeface="Raleway SemiBold" panose="020B0703030101060003" pitchFamily="34" charset="-52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685800" rtl="0" eaLnBrk="1" latinLnBrk="0" hangingPunct="1">
        <a:lnSpc>
          <a:spcPct val="130000"/>
        </a:lnSpc>
        <a:spcBef>
          <a:spcPts val="750"/>
        </a:spcBef>
        <a:buFont typeface="Arial" panose="020B0604020202020204" pitchFamily="34" charset="0"/>
        <a:buNone/>
        <a:defRPr sz="1200" kern="1200">
          <a:solidFill>
            <a:schemeClr val="tx1">
              <a:lumMod val="65000"/>
              <a:lumOff val="35000"/>
            </a:schemeClr>
          </a:solidFill>
          <a:latin typeface="Merriweather" panose="00000500000000000000" pitchFamily="2" charset="-52"/>
          <a:ea typeface="+mn-ea"/>
          <a:cs typeface="+mn-cs"/>
        </a:defRPr>
      </a:lvl1pPr>
      <a:lvl2pPr marL="5143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8572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2001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1543050" indent="-171450" algn="l" defTabSz="685800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1.xml"/><Relationship Id="rId6" Type="http://schemas.openxmlformats.org/officeDocument/2006/relationships/image" Target="../media/image2.png"/><Relationship Id="rId5" Type="http://schemas.microsoft.com/office/2007/relationships/hdphoto" Target="../media/hdphoto1.wdp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3.png"/><Relationship Id="rId5" Type="http://schemas.openxmlformats.org/officeDocument/2006/relationships/image" Target="../media/image4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5.jpg"/><Relationship Id="rId5" Type="http://schemas.openxmlformats.org/officeDocument/2006/relationships/image" Target="../media/image3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8.xml"/><Relationship Id="rId1" Type="http://schemas.openxmlformats.org/officeDocument/2006/relationships/tags" Target="../tags/tag16.xml"/><Relationship Id="rId6" Type="http://schemas.openxmlformats.org/officeDocument/2006/relationships/image" Target="../media/image8.jpg"/><Relationship Id="rId5" Type="http://schemas.openxmlformats.org/officeDocument/2006/relationships/image" Target="../media/image7.jpg"/><Relationship Id="rId4" Type="http://schemas.openxmlformats.org/officeDocument/2006/relationships/image" Target="../media/image6.jp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8.xml"/><Relationship Id="rId2" Type="http://schemas.openxmlformats.org/officeDocument/2006/relationships/tags" Target="../tags/tag18.xml"/><Relationship Id="rId1" Type="http://schemas.openxmlformats.org/officeDocument/2006/relationships/tags" Target="../tags/tag17.xml"/><Relationship Id="rId6" Type="http://schemas.openxmlformats.org/officeDocument/2006/relationships/image" Target="../media/image9.png"/><Relationship Id="rId5" Type="http://schemas.openxmlformats.org/officeDocument/2006/relationships/image" Target="../media/image3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youtube.com/c/AnyBodyCanDevelopABCD" TargetMode="External"/><Relationship Id="rId3" Type="http://schemas.openxmlformats.org/officeDocument/2006/relationships/tags" Target="../tags/tag21.xml"/><Relationship Id="rId7" Type="http://schemas.openxmlformats.org/officeDocument/2006/relationships/notesSlide" Target="../notesSlides/notesSlide6.xml"/><Relationship Id="rId2" Type="http://schemas.openxmlformats.org/officeDocument/2006/relationships/tags" Target="../tags/tag20.xml"/><Relationship Id="rId1" Type="http://schemas.openxmlformats.org/officeDocument/2006/relationships/tags" Target="../tags/tag19.xml"/><Relationship Id="rId6" Type="http://schemas.openxmlformats.org/officeDocument/2006/relationships/slideLayout" Target="../slideLayouts/slideLayout1.xml"/><Relationship Id="rId5" Type="http://schemas.openxmlformats.org/officeDocument/2006/relationships/tags" Target="../tags/tag23.xml"/><Relationship Id="rId4" Type="http://schemas.openxmlformats.org/officeDocument/2006/relationships/tags" Target="../tags/tag22.xml"/><Relationship Id="rId9" Type="http://schemas.openxmlformats.org/officeDocument/2006/relationships/image" Target="../media/image3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24.xml"/><Relationship Id="rId6" Type="http://schemas.openxmlformats.org/officeDocument/2006/relationships/image" Target="../media/image3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8" name="Picture 4" descr="Laptop, Workspace, Flat Design, Terminal Board">
            <a:extLst>
              <a:ext uri="{FF2B5EF4-FFF2-40B4-BE49-F238E27FC236}">
                <a16:creationId xmlns:a16="http://schemas.microsoft.com/office/drawing/2014/main" id="{9CC38890-E01F-4460-4AE3-AFD1F8273C4F}"/>
              </a:ext>
            </a:extLst>
          </p:cNvPr>
          <p:cNvPicPr>
            <a:picLocks noGrp="1" noChangeAspect="1" noChangeArrowheads="1"/>
          </p:cNvPicPr>
          <p:nvPr>
            <p:ph type="pic" sz="quarter" idx="14"/>
          </p:nvPr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-96000"/>
                    </a14:imgEffect>
                    <a14:imgEffect>
                      <a14:brightnessContrast bright="-15000" contrast="-7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12500" r="12500"/>
          <a:stretch>
            <a:fillRect/>
          </a:stretch>
        </p:blipFill>
        <p:spPr bwMode="auto">
          <a:xfrm>
            <a:off x="0" y="-259974"/>
            <a:ext cx="9144000" cy="7117974"/>
          </a:xfrm>
          <a:prstGeom prst="rect">
            <a:avLst/>
          </a:prstGeom>
          <a:solidFill>
            <a:srgbClr val="92D050"/>
          </a:solidFill>
          <a:effectLst>
            <a:reflection endPos="0" dir="5400000" sy="-100000" algn="bl" rotWithShape="0"/>
          </a:effectLst>
        </p:spPr>
      </p:pic>
      <p:sp>
        <p:nvSpPr>
          <p:cNvPr id="8" name="Rounded Rectangle 7"/>
          <p:cNvSpPr/>
          <p:nvPr/>
        </p:nvSpPr>
        <p:spPr>
          <a:xfrm>
            <a:off x="3652780" y="547645"/>
            <a:ext cx="1872794" cy="303050"/>
          </a:xfrm>
          <a:prstGeom prst="roundRect">
            <a:avLst>
              <a:gd name="adj" fmla="val 50000"/>
            </a:avLst>
          </a:prstGeom>
          <a:solidFill>
            <a:srgbClr val="76B53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600" b="1" dirty="0"/>
          </a:p>
        </p:txBody>
      </p:sp>
      <p:sp>
        <p:nvSpPr>
          <p:cNvPr id="10" name="Title 12"/>
          <p:cNvSpPr>
            <a:spLocks noGrp="1"/>
          </p:cNvSpPr>
          <p:nvPr>
            <p:ph type="title" idx="10"/>
          </p:nvPr>
        </p:nvSpPr>
        <p:spPr>
          <a:xfrm>
            <a:off x="-8767" y="1063956"/>
            <a:ext cx="9151896" cy="661720"/>
          </a:xfrm>
        </p:spPr>
        <p:txBody>
          <a:bodyPr anchor="ctr">
            <a:noAutofit/>
          </a:bodyPr>
          <a:lstStyle/>
          <a:p>
            <a:r>
              <a:rPr lang="en-US" sz="4800" b="0" dirty="0">
                <a:latin typeface="Raleway ExtraBold" panose="020B0903030101060003" pitchFamily="34" charset="-52"/>
              </a:rPr>
              <a:t>Digital Classroom</a:t>
            </a:r>
            <a:endParaRPr lang="ru-RU" sz="4800" dirty="0">
              <a:latin typeface="Raleway ExtraBold" panose="020B0903030101060003" pitchFamily="34" charset="-52"/>
            </a:endParaRPr>
          </a:p>
        </p:txBody>
      </p:sp>
      <p:sp>
        <p:nvSpPr>
          <p:cNvPr id="11" name="Text 13"/>
          <p:cNvSpPr>
            <a:spLocks noGrp="1"/>
          </p:cNvSpPr>
          <p:nvPr>
            <p:ph type="body" sz="quarter" idx="12"/>
          </p:nvPr>
        </p:nvSpPr>
        <p:spPr>
          <a:xfrm>
            <a:off x="1696512" y="1670256"/>
            <a:ext cx="5565316" cy="1715663"/>
          </a:xfrm>
        </p:spPr>
        <p:txBody>
          <a:bodyPr anchor="ctr"/>
          <a:lstStyle/>
          <a:p>
            <a:pPr>
              <a:lnSpc>
                <a:spcPts val="3000"/>
              </a:lnSpc>
            </a:pPr>
            <a:r>
              <a:rPr lang="en-US" dirty="0"/>
              <a:t>Bringing digital literacy to every space, for all and </a:t>
            </a:r>
          </a:p>
          <a:p>
            <a:pPr>
              <a:lnSpc>
                <a:spcPts val="3000"/>
              </a:lnSpc>
            </a:pPr>
            <a:r>
              <a:rPr lang="en-US" dirty="0"/>
              <a:t>for anybody.</a:t>
            </a:r>
            <a:endParaRPr lang="en-US" sz="1400" dirty="0">
              <a:solidFill>
                <a:schemeClr val="bg1"/>
              </a:solidFill>
            </a:endParaRPr>
          </a:p>
        </p:txBody>
      </p:sp>
      <p:sp>
        <p:nvSpPr>
          <p:cNvPr id="12" name="Text 14"/>
          <p:cNvSpPr>
            <a:spLocks noGrp="1"/>
          </p:cNvSpPr>
          <p:nvPr>
            <p:ph type="body" sz="quarter" idx="13"/>
          </p:nvPr>
        </p:nvSpPr>
        <p:spPr>
          <a:xfrm>
            <a:off x="2768252" y="658689"/>
            <a:ext cx="3703190" cy="261610"/>
          </a:xfrm>
        </p:spPr>
        <p:txBody>
          <a:bodyPr anchor="ctr"/>
          <a:lstStyle/>
          <a:p>
            <a:r>
              <a:rPr lang="en-US" sz="1100" b="0" spc="120" dirty="0"/>
              <a:t>Course category</a:t>
            </a:r>
            <a:endParaRPr lang="ru-RU" sz="1100" b="0" spc="120" dirty="0"/>
          </a:p>
          <a:p>
            <a:endParaRPr lang="ru-RU" sz="1100" dirty="0"/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003189F0-3A01-10DA-A2C6-3FD250B8735F}"/>
              </a:ext>
            </a:extLst>
          </p:cNvPr>
          <p:cNvGrpSpPr/>
          <p:nvPr/>
        </p:nvGrpSpPr>
        <p:grpSpPr>
          <a:xfrm>
            <a:off x="3652780" y="4157144"/>
            <a:ext cx="2199253" cy="801631"/>
            <a:chOff x="3469964" y="4684769"/>
            <a:chExt cx="2199253" cy="801631"/>
          </a:xfrm>
        </p:grpSpPr>
        <p:sp>
          <p:nvSpPr>
            <p:cNvPr id="9" name="Rounded Rectangle 8"/>
            <p:cNvSpPr/>
            <p:nvPr/>
          </p:nvSpPr>
          <p:spPr>
            <a:xfrm>
              <a:off x="3474784" y="4757960"/>
              <a:ext cx="2194433" cy="728440"/>
            </a:xfrm>
            <a:prstGeom prst="roundRect">
              <a:avLst>
                <a:gd name="adj" fmla="val 8887"/>
              </a:avLst>
            </a:prstGeom>
            <a:solidFill>
              <a:schemeClr val="bg1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bIns="72000" rtlCol="0" anchor="ctr"/>
            <a:lstStyle/>
            <a:p>
              <a:endParaRPr lang="ru-RU" sz="2000" b="1" dirty="0">
                <a:solidFill>
                  <a:srgbClr val="333333"/>
                </a:solidFill>
                <a:latin typeface="Raleway" panose="020B0503030101060003" pitchFamily="34" charset="-52"/>
              </a:endParaRPr>
            </a:p>
          </p:txBody>
        </p:sp>
        <p:grpSp>
          <p:nvGrpSpPr>
            <p:cNvPr id="14" name="Group 13">
              <a:extLst>
                <a:ext uri="{FF2B5EF4-FFF2-40B4-BE49-F238E27FC236}">
                  <a16:creationId xmlns:a16="http://schemas.microsoft.com/office/drawing/2014/main" id="{020DAF59-2A3D-9140-BC27-37E8B46372D9}"/>
                </a:ext>
              </a:extLst>
            </p:cNvPr>
            <p:cNvGrpSpPr/>
            <p:nvPr/>
          </p:nvGrpSpPr>
          <p:grpSpPr>
            <a:xfrm>
              <a:off x="3469964" y="4684769"/>
              <a:ext cx="2194433" cy="728440"/>
              <a:chOff x="3335962" y="4757960"/>
              <a:chExt cx="2194433" cy="728440"/>
            </a:xfrm>
          </p:grpSpPr>
          <p:sp>
            <p:nvSpPr>
              <p:cNvPr id="15" name="Rounded Rectangle 8">
                <a:extLst>
                  <a:ext uri="{FF2B5EF4-FFF2-40B4-BE49-F238E27FC236}">
                    <a16:creationId xmlns:a16="http://schemas.microsoft.com/office/drawing/2014/main" id="{35E14980-D536-B73A-E2F5-775105901E78}"/>
                  </a:ext>
                </a:extLst>
              </p:cNvPr>
              <p:cNvSpPr/>
              <p:nvPr/>
            </p:nvSpPr>
            <p:spPr>
              <a:xfrm>
                <a:off x="3335962" y="4757960"/>
                <a:ext cx="2194433" cy="728440"/>
              </a:xfrm>
              <a:prstGeom prst="roundRect">
                <a:avLst>
                  <a:gd name="adj" fmla="val 8887"/>
                </a:avLst>
              </a:prstGeom>
              <a:solidFill>
                <a:schemeClr val="bg1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bIns="72000" rtlCol="0" anchor="ctr"/>
              <a:lstStyle/>
              <a:p>
                <a:r>
                  <a:rPr lang="en-US" b="1" dirty="0">
                    <a:solidFill>
                      <a:srgbClr val="333333"/>
                    </a:solidFill>
                    <a:latin typeface="Raleway" panose="020B0503030101060003" pitchFamily="34" charset="-52"/>
                  </a:rPr>
                  <a:t>    Start Course</a:t>
                </a:r>
                <a:endParaRPr lang="ru-RU" sz="2000" b="1" dirty="0">
                  <a:solidFill>
                    <a:srgbClr val="333333"/>
                  </a:solidFill>
                  <a:latin typeface="Raleway" panose="020B0503030101060003" pitchFamily="34" charset="-52"/>
                </a:endParaRPr>
              </a:p>
            </p:txBody>
          </p:sp>
          <p:pic>
            <p:nvPicPr>
              <p:cNvPr id="16" name="Picture 15">
                <a:extLst>
                  <a:ext uri="{FF2B5EF4-FFF2-40B4-BE49-F238E27FC236}">
                    <a16:creationId xmlns:a16="http://schemas.microsoft.com/office/drawing/2014/main" id="{4D92DCB6-732D-80C7-1984-8BCF2872467E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5069881" y="4976593"/>
                <a:ext cx="226209" cy="294204"/>
              </a:xfrm>
              <a:prstGeom prst="rect">
                <a:avLst/>
              </a:prstGeom>
            </p:spPr>
          </p:pic>
        </p:grpSp>
      </p:grpSp>
      <p:pic>
        <p:nvPicPr>
          <p:cNvPr id="17" name="Picture 16">
            <a:extLst>
              <a:ext uri="{FF2B5EF4-FFF2-40B4-BE49-F238E27FC236}">
                <a16:creationId xmlns:a16="http://schemas.microsoft.com/office/drawing/2014/main" id="{75370083-B90E-0D1D-A88E-EC6F78EEFCD9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4786" y="5949192"/>
            <a:ext cx="705991" cy="70599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36708265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" name="Rectangle 13"/>
          <p:cNvSpPr/>
          <p:nvPr/>
        </p:nvSpPr>
        <p:spPr>
          <a:xfrm>
            <a:off x="1407318" y="2021682"/>
            <a:ext cx="3236120" cy="750094"/>
          </a:xfrm>
          <a:custGeom>
            <a:avLst/>
            <a:gdLst>
              <a:gd name="connsiteX0" fmla="*/ 0 w 4048126"/>
              <a:gd name="connsiteY0" fmla="*/ 0 h 1000125"/>
              <a:gd name="connsiteX1" fmla="*/ 4048126 w 4048126"/>
              <a:gd name="connsiteY1" fmla="*/ 0 h 1000125"/>
              <a:gd name="connsiteX2" fmla="*/ 4048126 w 4048126"/>
              <a:gd name="connsiteY2" fmla="*/ 1000125 h 1000125"/>
              <a:gd name="connsiteX3" fmla="*/ 0 w 4048126"/>
              <a:gd name="connsiteY3" fmla="*/ 1000125 h 1000125"/>
              <a:gd name="connsiteX4" fmla="*/ 0 w 4048126"/>
              <a:gd name="connsiteY4" fmla="*/ 0 h 1000125"/>
              <a:gd name="connsiteX0" fmla="*/ 0 w 4048126"/>
              <a:gd name="connsiteY0" fmla="*/ 0 h 1000125"/>
              <a:gd name="connsiteX1" fmla="*/ 4048126 w 4048126"/>
              <a:gd name="connsiteY1" fmla="*/ 0 h 1000125"/>
              <a:gd name="connsiteX2" fmla="*/ 4038601 w 4048126"/>
              <a:gd name="connsiteY2" fmla="*/ 466725 h 1000125"/>
              <a:gd name="connsiteX3" fmla="*/ 4048126 w 4048126"/>
              <a:gd name="connsiteY3" fmla="*/ 1000125 h 1000125"/>
              <a:gd name="connsiteX4" fmla="*/ 0 w 4048126"/>
              <a:gd name="connsiteY4" fmla="*/ 1000125 h 1000125"/>
              <a:gd name="connsiteX5" fmla="*/ 0 w 4048126"/>
              <a:gd name="connsiteY5" fmla="*/ 0 h 1000125"/>
              <a:gd name="connsiteX0" fmla="*/ 0 w 4314826"/>
              <a:gd name="connsiteY0" fmla="*/ 0 h 1000125"/>
              <a:gd name="connsiteX1" fmla="*/ 4048126 w 4314826"/>
              <a:gd name="connsiteY1" fmla="*/ 0 h 1000125"/>
              <a:gd name="connsiteX2" fmla="*/ 4314826 w 4314826"/>
              <a:gd name="connsiteY2" fmla="*/ 495300 h 1000125"/>
              <a:gd name="connsiteX3" fmla="*/ 4048126 w 4314826"/>
              <a:gd name="connsiteY3" fmla="*/ 1000125 h 1000125"/>
              <a:gd name="connsiteX4" fmla="*/ 0 w 4314826"/>
              <a:gd name="connsiteY4" fmla="*/ 1000125 h 1000125"/>
              <a:gd name="connsiteX5" fmla="*/ 0 w 4314826"/>
              <a:gd name="connsiteY5" fmla="*/ 0 h 100012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4314826" h="1000125">
                <a:moveTo>
                  <a:pt x="0" y="0"/>
                </a:moveTo>
                <a:lnTo>
                  <a:pt x="4048126" y="0"/>
                </a:lnTo>
                <a:lnTo>
                  <a:pt x="4314826" y="495300"/>
                </a:lnTo>
                <a:lnTo>
                  <a:pt x="4048126" y="1000125"/>
                </a:lnTo>
                <a:lnTo>
                  <a:pt x="0" y="1000125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ffectLst>
            <a:outerShdw blurRad="139700" dist="38100" dir="5400000" sx="98000" sy="98000" algn="t" rotWithShape="0">
              <a:prstClr val="black">
                <a:alpha val="18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70" name="Rectangle 13"/>
          <p:cNvSpPr/>
          <p:nvPr/>
        </p:nvSpPr>
        <p:spPr>
          <a:xfrm>
            <a:off x="1407318" y="3674841"/>
            <a:ext cx="3236120" cy="750094"/>
          </a:xfrm>
          <a:custGeom>
            <a:avLst/>
            <a:gdLst>
              <a:gd name="connsiteX0" fmla="*/ 0 w 4048126"/>
              <a:gd name="connsiteY0" fmla="*/ 0 h 1000125"/>
              <a:gd name="connsiteX1" fmla="*/ 4048126 w 4048126"/>
              <a:gd name="connsiteY1" fmla="*/ 0 h 1000125"/>
              <a:gd name="connsiteX2" fmla="*/ 4048126 w 4048126"/>
              <a:gd name="connsiteY2" fmla="*/ 1000125 h 1000125"/>
              <a:gd name="connsiteX3" fmla="*/ 0 w 4048126"/>
              <a:gd name="connsiteY3" fmla="*/ 1000125 h 1000125"/>
              <a:gd name="connsiteX4" fmla="*/ 0 w 4048126"/>
              <a:gd name="connsiteY4" fmla="*/ 0 h 1000125"/>
              <a:gd name="connsiteX0" fmla="*/ 0 w 4048126"/>
              <a:gd name="connsiteY0" fmla="*/ 0 h 1000125"/>
              <a:gd name="connsiteX1" fmla="*/ 4048126 w 4048126"/>
              <a:gd name="connsiteY1" fmla="*/ 0 h 1000125"/>
              <a:gd name="connsiteX2" fmla="*/ 4038601 w 4048126"/>
              <a:gd name="connsiteY2" fmla="*/ 466725 h 1000125"/>
              <a:gd name="connsiteX3" fmla="*/ 4048126 w 4048126"/>
              <a:gd name="connsiteY3" fmla="*/ 1000125 h 1000125"/>
              <a:gd name="connsiteX4" fmla="*/ 0 w 4048126"/>
              <a:gd name="connsiteY4" fmla="*/ 1000125 h 1000125"/>
              <a:gd name="connsiteX5" fmla="*/ 0 w 4048126"/>
              <a:gd name="connsiteY5" fmla="*/ 0 h 1000125"/>
              <a:gd name="connsiteX0" fmla="*/ 0 w 4314826"/>
              <a:gd name="connsiteY0" fmla="*/ 0 h 1000125"/>
              <a:gd name="connsiteX1" fmla="*/ 4048126 w 4314826"/>
              <a:gd name="connsiteY1" fmla="*/ 0 h 1000125"/>
              <a:gd name="connsiteX2" fmla="*/ 4314826 w 4314826"/>
              <a:gd name="connsiteY2" fmla="*/ 495300 h 1000125"/>
              <a:gd name="connsiteX3" fmla="*/ 4048126 w 4314826"/>
              <a:gd name="connsiteY3" fmla="*/ 1000125 h 1000125"/>
              <a:gd name="connsiteX4" fmla="*/ 0 w 4314826"/>
              <a:gd name="connsiteY4" fmla="*/ 1000125 h 1000125"/>
              <a:gd name="connsiteX5" fmla="*/ 0 w 4314826"/>
              <a:gd name="connsiteY5" fmla="*/ 0 h 100012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4314826" h="1000125">
                <a:moveTo>
                  <a:pt x="0" y="0"/>
                </a:moveTo>
                <a:lnTo>
                  <a:pt x="4048126" y="0"/>
                </a:lnTo>
                <a:lnTo>
                  <a:pt x="4314826" y="495300"/>
                </a:lnTo>
                <a:lnTo>
                  <a:pt x="4048126" y="1000125"/>
                </a:lnTo>
                <a:lnTo>
                  <a:pt x="0" y="1000125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ffectLst>
            <a:outerShdw blurRad="139700" dist="38100" dir="5400000" sx="98000" sy="98000" algn="t" rotWithShape="0">
              <a:prstClr val="black">
                <a:alpha val="18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68" name="Rectangle 13"/>
          <p:cNvSpPr/>
          <p:nvPr/>
        </p:nvSpPr>
        <p:spPr>
          <a:xfrm>
            <a:off x="1400174" y="2843213"/>
            <a:ext cx="3479007" cy="750094"/>
          </a:xfrm>
          <a:custGeom>
            <a:avLst/>
            <a:gdLst>
              <a:gd name="connsiteX0" fmla="*/ 0 w 4048126"/>
              <a:gd name="connsiteY0" fmla="*/ 0 h 1000125"/>
              <a:gd name="connsiteX1" fmla="*/ 4048126 w 4048126"/>
              <a:gd name="connsiteY1" fmla="*/ 0 h 1000125"/>
              <a:gd name="connsiteX2" fmla="*/ 4048126 w 4048126"/>
              <a:gd name="connsiteY2" fmla="*/ 1000125 h 1000125"/>
              <a:gd name="connsiteX3" fmla="*/ 0 w 4048126"/>
              <a:gd name="connsiteY3" fmla="*/ 1000125 h 1000125"/>
              <a:gd name="connsiteX4" fmla="*/ 0 w 4048126"/>
              <a:gd name="connsiteY4" fmla="*/ 0 h 1000125"/>
              <a:gd name="connsiteX0" fmla="*/ 0 w 4048126"/>
              <a:gd name="connsiteY0" fmla="*/ 0 h 1000125"/>
              <a:gd name="connsiteX1" fmla="*/ 4048126 w 4048126"/>
              <a:gd name="connsiteY1" fmla="*/ 0 h 1000125"/>
              <a:gd name="connsiteX2" fmla="*/ 4038601 w 4048126"/>
              <a:gd name="connsiteY2" fmla="*/ 466725 h 1000125"/>
              <a:gd name="connsiteX3" fmla="*/ 4048126 w 4048126"/>
              <a:gd name="connsiteY3" fmla="*/ 1000125 h 1000125"/>
              <a:gd name="connsiteX4" fmla="*/ 0 w 4048126"/>
              <a:gd name="connsiteY4" fmla="*/ 1000125 h 1000125"/>
              <a:gd name="connsiteX5" fmla="*/ 0 w 4048126"/>
              <a:gd name="connsiteY5" fmla="*/ 0 h 1000125"/>
              <a:gd name="connsiteX0" fmla="*/ 0 w 4314826"/>
              <a:gd name="connsiteY0" fmla="*/ 0 h 1000125"/>
              <a:gd name="connsiteX1" fmla="*/ 4048126 w 4314826"/>
              <a:gd name="connsiteY1" fmla="*/ 0 h 1000125"/>
              <a:gd name="connsiteX2" fmla="*/ 4314826 w 4314826"/>
              <a:gd name="connsiteY2" fmla="*/ 495300 h 1000125"/>
              <a:gd name="connsiteX3" fmla="*/ 4048126 w 4314826"/>
              <a:gd name="connsiteY3" fmla="*/ 1000125 h 1000125"/>
              <a:gd name="connsiteX4" fmla="*/ 0 w 4314826"/>
              <a:gd name="connsiteY4" fmla="*/ 1000125 h 1000125"/>
              <a:gd name="connsiteX5" fmla="*/ 0 w 4314826"/>
              <a:gd name="connsiteY5" fmla="*/ 0 h 1000125"/>
              <a:gd name="connsiteX0" fmla="*/ 0 w 4314826"/>
              <a:gd name="connsiteY0" fmla="*/ 0 h 1000125"/>
              <a:gd name="connsiteX1" fmla="*/ 4048126 w 4314826"/>
              <a:gd name="connsiteY1" fmla="*/ 0 h 1000125"/>
              <a:gd name="connsiteX2" fmla="*/ 4314826 w 4314826"/>
              <a:gd name="connsiteY2" fmla="*/ 495300 h 1000125"/>
              <a:gd name="connsiteX3" fmla="*/ 4048126 w 4314826"/>
              <a:gd name="connsiteY3" fmla="*/ 1000125 h 1000125"/>
              <a:gd name="connsiteX4" fmla="*/ 0 w 4314826"/>
              <a:gd name="connsiteY4" fmla="*/ 1000125 h 1000125"/>
              <a:gd name="connsiteX5" fmla="*/ 0 w 4314826"/>
              <a:gd name="connsiteY5" fmla="*/ 0 h 1000125"/>
              <a:gd name="connsiteX0" fmla="*/ 0 w 4619626"/>
              <a:gd name="connsiteY0" fmla="*/ 0 h 1000125"/>
              <a:gd name="connsiteX1" fmla="*/ 4352926 w 4619626"/>
              <a:gd name="connsiteY1" fmla="*/ 0 h 1000125"/>
              <a:gd name="connsiteX2" fmla="*/ 4619626 w 4619626"/>
              <a:gd name="connsiteY2" fmla="*/ 495300 h 1000125"/>
              <a:gd name="connsiteX3" fmla="*/ 4352926 w 4619626"/>
              <a:gd name="connsiteY3" fmla="*/ 1000125 h 1000125"/>
              <a:gd name="connsiteX4" fmla="*/ 304800 w 4619626"/>
              <a:gd name="connsiteY4" fmla="*/ 1000125 h 1000125"/>
              <a:gd name="connsiteX5" fmla="*/ 0 w 4619626"/>
              <a:gd name="connsiteY5" fmla="*/ 0 h 1000125"/>
              <a:gd name="connsiteX0" fmla="*/ 19050 w 4638676"/>
              <a:gd name="connsiteY0" fmla="*/ 0 h 1000125"/>
              <a:gd name="connsiteX1" fmla="*/ 4371976 w 4638676"/>
              <a:gd name="connsiteY1" fmla="*/ 0 h 1000125"/>
              <a:gd name="connsiteX2" fmla="*/ 4638676 w 4638676"/>
              <a:gd name="connsiteY2" fmla="*/ 495300 h 1000125"/>
              <a:gd name="connsiteX3" fmla="*/ 4371976 w 4638676"/>
              <a:gd name="connsiteY3" fmla="*/ 1000125 h 1000125"/>
              <a:gd name="connsiteX4" fmla="*/ 0 w 4638676"/>
              <a:gd name="connsiteY4" fmla="*/ 1000125 h 1000125"/>
              <a:gd name="connsiteX5" fmla="*/ 19050 w 4638676"/>
              <a:gd name="connsiteY5" fmla="*/ 0 h 100012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4638676" h="1000125">
                <a:moveTo>
                  <a:pt x="19050" y="0"/>
                </a:moveTo>
                <a:lnTo>
                  <a:pt x="4371976" y="0"/>
                </a:lnTo>
                <a:lnTo>
                  <a:pt x="4638676" y="495300"/>
                </a:lnTo>
                <a:lnTo>
                  <a:pt x="4371976" y="1000125"/>
                </a:lnTo>
                <a:lnTo>
                  <a:pt x="0" y="1000125"/>
                </a:lnTo>
                <a:lnTo>
                  <a:pt x="19050" y="0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ffectLst>
            <a:outerShdw blurRad="139700" dist="38100" dir="5400000" sx="98000" sy="98000" algn="t" rotWithShape="0">
              <a:prstClr val="black">
                <a:alpha val="18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72" name="Rectangle 13"/>
          <p:cNvSpPr/>
          <p:nvPr/>
        </p:nvSpPr>
        <p:spPr>
          <a:xfrm>
            <a:off x="1400174" y="4506469"/>
            <a:ext cx="3479007" cy="750094"/>
          </a:xfrm>
          <a:custGeom>
            <a:avLst/>
            <a:gdLst>
              <a:gd name="connsiteX0" fmla="*/ 0 w 4048126"/>
              <a:gd name="connsiteY0" fmla="*/ 0 h 1000125"/>
              <a:gd name="connsiteX1" fmla="*/ 4048126 w 4048126"/>
              <a:gd name="connsiteY1" fmla="*/ 0 h 1000125"/>
              <a:gd name="connsiteX2" fmla="*/ 4048126 w 4048126"/>
              <a:gd name="connsiteY2" fmla="*/ 1000125 h 1000125"/>
              <a:gd name="connsiteX3" fmla="*/ 0 w 4048126"/>
              <a:gd name="connsiteY3" fmla="*/ 1000125 h 1000125"/>
              <a:gd name="connsiteX4" fmla="*/ 0 w 4048126"/>
              <a:gd name="connsiteY4" fmla="*/ 0 h 1000125"/>
              <a:gd name="connsiteX0" fmla="*/ 0 w 4048126"/>
              <a:gd name="connsiteY0" fmla="*/ 0 h 1000125"/>
              <a:gd name="connsiteX1" fmla="*/ 4048126 w 4048126"/>
              <a:gd name="connsiteY1" fmla="*/ 0 h 1000125"/>
              <a:gd name="connsiteX2" fmla="*/ 4038601 w 4048126"/>
              <a:gd name="connsiteY2" fmla="*/ 466725 h 1000125"/>
              <a:gd name="connsiteX3" fmla="*/ 4048126 w 4048126"/>
              <a:gd name="connsiteY3" fmla="*/ 1000125 h 1000125"/>
              <a:gd name="connsiteX4" fmla="*/ 0 w 4048126"/>
              <a:gd name="connsiteY4" fmla="*/ 1000125 h 1000125"/>
              <a:gd name="connsiteX5" fmla="*/ 0 w 4048126"/>
              <a:gd name="connsiteY5" fmla="*/ 0 h 1000125"/>
              <a:gd name="connsiteX0" fmla="*/ 0 w 4314826"/>
              <a:gd name="connsiteY0" fmla="*/ 0 h 1000125"/>
              <a:gd name="connsiteX1" fmla="*/ 4048126 w 4314826"/>
              <a:gd name="connsiteY1" fmla="*/ 0 h 1000125"/>
              <a:gd name="connsiteX2" fmla="*/ 4314826 w 4314826"/>
              <a:gd name="connsiteY2" fmla="*/ 495300 h 1000125"/>
              <a:gd name="connsiteX3" fmla="*/ 4048126 w 4314826"/>
              <a:gd name="connsiteY3" fmla="*/ 1000125 h 1000125"/>
              <a:gd name="connsiteX4" fmla="*/ 0 w 4314826"/>
              <a:gd name="connsiteY4" fmla="*/ 1000125 h 1000125"/>
              <a:gd name="connsiteX5" fmla="*/ 0 w 4314826"/>
              <a:gd name="connsiteY5" fmla="*/ 0 h 1000125"/>
              <a:gd name="connsiteX0" fmla="*/ 0 w 4314826"/>
              <a:gd name="connsiteY0" fmla="*/ 0 h 1000125"/>
              <a:gd name="connsiteX1" fmla="*/ 4048126 w 4314826"/>
              <a:gd name="connsiteY1" fmla="*/ 0 h 1000125"/>
              <a:gd name="connsiteX2" fmla="*/ 4314826 w 4314826"/>
              <a:gd name="connsiteY2" fmla="*/ 495300 h 1000125"/>
              <a:gd name="connsiteX3" fmla="*/ 4048126 w 4314826"/>
              <a:gd name="connsiteY3" fmla="*/ 1000125 h 1000125"/>
              <a:gd name="connsiteX4" fmla="*/ 0 w 4314826"/>
              <a:gd name="connsiteY4" fmla="*/ 1000125 h 1000125"/>
              <a:gd name="connsiteX5" fmla="*/ 0 w 4314826"/>
              <a:gd name="connsiteY5" fmla="*/ 0 h 1000125"/>
              <a:gd name="connsiteX0" fmla="*/ 0 w 4619626"/>
              <a:gd name="connsiteY0" fmla="*/ 0 h 1000125"/>
              <a:gd name="connsiteX1" fmla="*/ 4352926 w 4619626"/>
              <a:gd name="connsiteY1" fmla="*/ 0 h 1000125"/>
              <a:gd name="connsiteX2" fmla="*/ 4619626 w 4619626"/>
              <a:gd name="connsiteY2" fmla="*/ 495300 h 1000125"/>
              <a:gd name="connsiteX3" fmla="*/ 4352926 w 4619626"/>
              <a:gd name="connsiteY3" fmla="*/ 1000125 h 1000125"/>
              <a:gd name="connsiteX4" fmla="*/ 304800 w 4619626"/>
              <a:gd name="connsiteY4" fmla="*/ 1000125 h 1000125"/>
              <a:gd name="connsiteX5" fmla="*/ 0 w 4619626"/>
              <a:gd name="connsiteY5" fmla="*/ 0 h 1000125"/>
              <a:gd name="connsiteX0" fmla="*/ 19050 w 4638676"/>
              <a:gd name="connsiteY0" fmla="*/ 0 h 1000125"/>
              <a:gd name="connsiteX1" fmla="*/ 4371976 w 4638676"/>
              <a:gd name="connsiteY1" fmla="*/ 0 h 1000125"/>
              <a:gd name="connsiteX2" fmla="*/ 4638676 w 4638676"/>
              <a:gd name="connsiteY2" fmla="*/ 495300 h 1000125"/>
              <a:gd name="connsiteX3" fmla="*/ 4371976 w 4638676"/>
              <a:gd name="connsiteY3" fmla="*/ 1000125 h 1000125"/>
              <a:gd name="connsiteX4" fmla="*/ 0 w 4638676"/>
              <a:gd name="connsiteY4" fmla="*/ 1000125 h 1000125"/>
              <a:gd name="connsiteX5" fmla="*/ 19050 w 4638676"/>
              <a:gd name="connsiteY5" fmla="*/ 0 h 100012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4638676" h="1000125">
                <a:moveTo>
                  <a:pt x="19050" y="0"/>
                </a:moveTo>
                <a:lnTo>
                  <a:pt x="4371976" y="0"/>
                </a:lnTo>
                <a:lnTo>
                  <a:pt x="4638676" y="495300"/>
                </a:lnTo>
                <a:lnTo>
                  <a:pt x="4371976" y="1000125"/>
                </a:lnTo>
                <a:lnTo>
                  <a:pt x="0" y="1000125"/>
                </a:lnTo>
                <a:lnTo>
                  <a:pt x="19050" y="0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  <a:effectLst>
            <a:outerShdw blurRad="139700" dist="38100" dir="5400000" sx="98000" sy="98000" algn="t" rotWithShape="0">
              <a:prstClr val="black">
                <a:alpha val="18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65" name="Rectangle 11"/>
          <p:cNvSpPr/>
          <p:nvPr/>
        </p:nvSpPr>
        <p:spPr>
          <a:xfrm>
            <a:off x="671512" y="2021681"/>
            <a:ext cx="742950" cy="756000"/>
          </a:xfrm>
          <a:custGeom>
            <a:avLst/>
            <a:gdLst>
              <a:gd name="connsiteX0" fmla="*/ 0 w 704850"/>
              <a:gd name="connsiteY0" fmla="*/ 0 h 1000125"/>
              <a:gd name="connsiteX1" fmla="*/ 704850 w 704850"/>
              <a:gd name="connsiteY1" fmla="*/ 0 h 1000125"/>
              <a:gd name="connsiteX2" fmla="*/ 704850 w 704850"/>
              <a:gd name="connsiteY2" fmla="*/ 1000125 h 1000125"/>
              <a:gd name="connsiteX3" fmla="*/ 0 w 704850"/>
              <a:gd name="connsiteY3" fmla="*/ 1000125 h 1000125"/>
              <a:gd name="connsiteX4" fmla="*/ 0 w 704850"/>
              <a:gd name="connsiteY4" fmla="*/ 0 h 1000125"/>
              <a:gd name="connsiteX0" fmla="*/ 9525 w 714375"/>
              <a:gd name="connsiteY0" fmla="*/ 0 h 1000125"/>
              <a:gd name="connsiteX1" fmla="*/ 714375 w 714375"/>
              <a:gd name="connsiteY1" fmla="*/ 0 h 1000125"/>
              <a:gd name="connsiteX2" fmla="*/ 714375 w 714375"/>
              <a:gd name="connsiteY2" fmla="*/ 1000125 h 1000125"/>
              <a:gd name="connsiteX3" fmla="*/ 9525 w 714375"/>
              <a:gd name="connsiteY3" fmla="*/ 1000125 h 1000125"/>
              <a:gd name="connsiteX4" fmla="*/ 0 w 714375"/>
              <a:gd name="connsiteY4" fmla="*/ 466725 h 1000125"/>
              <a:gd name="connsiteX5" fmla="*/ 9525 w 714375"/>
              <a:gd name="connsiteY5" fmla="*/ 0 h 1000125"/>
              <a:gd name="connsiteX0" fmla="*/ 285750 w 990600"/>
              <a:gd name="connsiteY0" fmla="*/ 0 h 1000125"/>
              <a:gd name="connsiteX1" fmla="*/ 990600 w 990600"/>
              <a:gd name="connsiteY1" fmla="*/ 0 h 1000125"/>
              <a:gd name="connsiteX2" fmla="*/ 990600 w 990600"/>
              <a:gd name="connsiteY2" fmla="*/ 1000125 h 1000125"/>
              <a:gd name="connsiteX3" fmla="*/ 285750 w 990600"/>
              <a:gd name="connsiteY3" fmla="*/ 1000125 h 1000125"/>
              <a:gd name="connsiteX4" fmla="*/ 0 w 990600"/>
              <a:gd name="connsiteY4" fmla="*/ 514350 h 1000125"/>
              <a:gd name="connsiteX5" fmla="*/ 285750 w 990600"/>
              <a:gd name="connsiteY5" fmla="*/ 0 h 100012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990600" h="1000125">
                <a:moveTo>
                  <a:pt x="285750" y="0"/>
                </a:moveTo>
                <a:lnTo>
                  <a:pt x="990600" y="0"/>
                </a:lnTo>
                <a:lnTo>
                  <a:pt x="990600" y="1000125"/>
                </a:lnTo>
                <a:lnTo>
                  <a:pt x="285750" y="1000125"/>
                </a:lnTo>
                <a:lnTo>
                  <a:pt x="0" y="514350"/>
                </a:lnTo>
                <a:lnTo>
                  <a:pt x="285750" y="0"/>
                </a:lnTo>
                <a:close/>
              </a:path>
            </a:pathLst>
          </a:custGeom>
          <a:solidFill>
            <a:schemeClr val="accent4"/>
          </a:solidFill>
          <a:ln>
            <a:noFill/>
          </a:ln>
          <a:effectLst>
            <a:outerShdw blurRad="139700" dist="38100" dir="5400000" sx="98000" sy="98000" algn="t" rotWithShape="0">
              <a:prstClr val="black">
                <a:alpha val="18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67" name="Rectangle 11"/>
          <p:cNvSpPr/>
          <p:nvPr/>
        </p:nvSpPr>
        <p:spPr>
          <a:xfrm>
            <a:off x="671512" y="2843213"/>
            <a:ext cx="742950" cy="756000"/>
          </a:xfrm>
          <a:custGeom>
            <a:avLst/>
            <a:gdLst>
              <a:gd name="connsiteX0" fmla="*/ 0 w 704850"/>
              <a:gd name="connsiteY0" fmla="*/ 0 h 1000125"/>
              <a:gd name="connsiteX1" fmla="*/ 704850 w 704850"/>
              <a:gd name="connsiteY1" fmla="*/ 0 h 1000125"/>
              <a:gd name="connsiteX2" fmla="*/ 704850 w 704850"/>
              <a:gd name="connsiteY2" fmla="*/ 1000125 h 1000125"/>
              <a:gd name="connsiteX3" fmla="*/ 0 w 704850"/>
              <a:gd name="connsiteY3" fmla="*/ 1000125 h 1000125"/>
              <a:gd name="connsiteX4" fmla="*/ 0 w 704850"/>
              <a:gd name="connsiteY4" fmla="*/ 0 h 1000125"/>
              <a:gd name="connsiteX0" fmla="*/ 9525 w 714375"/>
              <a:gd name="connsiteY0" fmla="*/ 0 h 1000125"/>
              <a:gd name="connsiteX1" fmla="*/ 714375 w 714375"/>
              <a:gd name="connsiteY1" fmla="*/ 0 h 1000125"/>
              <a:gd name="connsiteX2" fmla="*/ 714375 w 714375"/>
              <a:gd name="connsiteY2" fmla="*/ 1000125 h 1000125"/>
              <a:gd name="connsiteX3" fmla="*/ 9525 w 714375"/>
              <a:gd name="connsiteY3" fmla="*/ 1000125 h 1000125"/>
              <a:gd name="connsiteX4" fmla="*/ 0 w 714375"/>
              <a:gd name="connsiteY4" fmla="*/ 466725 h 1000125"/>
              <a:gd name="connsiteX5" fmla="*/ 9525 w 714375"/>
              <a:gd name="connsiteY5" fmla="*/ 0 h 1000125"/>
              <a:gd name="connsiteX0" fmla="*/ 285750 w 990600"/>
              <a:gd name="connsiteY0" fmla="*/ 0 h 1000125"/>
              <a:gd name="connsiteX1" fmla="*/ 990600 w 990600"/>
              <a:gd name="connsiteY1" fmla="*/ 0 h 1000125"/>
              <a:gd name="connsiteX2" fmla="*/ 990600 w 990600"/>
              <a:gd name="connsiteY2" fmla="*/ 1000125 h 1000125"/>
              <a:gd name="connsiteX3" fmla="*/ 285750 w 990600"/>
              <a:gd name="connsiteY3" fmla="*/ 1000125 h 1000125"/>
              <a:gd name="connsiteX4" fmla="*/ 0 w 990600"/>
              <a:gd name="connsiteY4" fmla="*/ 514350 h 1000125"/>
              <a:gd name="connsiteX5" fmla="*/ 285750 w 990600"/>
              <a:gd name="connsiteY5" fmla="*/ 0 h 100012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990600" h="1000125">
                <a:moveTo>
                  <a:pt x="285750" y="0"/>
                </a:moveTo>
                <a:lnTo>
                  <a:pt x="990600" y="0"/>
                </a:lnTo>
                <a:lnTo>
                  <a:pt x="990600" y="1000125"/>
                </a:lnTo>
                <a:lnTo>
                  <a:pt x="285750" y="1000125"/>
                </a:lnTo>
                <a:lnTo>
                  <a:pt x="0" y="514350"/>
                </a:lnTo>
                <a:lnTo>
                  <a:pt x="285750" y="0"/>
                </a:lnTo>
                <a:close/>
              </a:path>
            </a:pathLst>
          </a:custGeom>
          <a:solidFill>
            <a:schemeClr val="accent4"/>
          </a:solidFill>
          <a:ln>
            <a:noFill/>
          </a:ln>
          <a:effectLst>
            <a:outerShdw blurRad="139700" dist="38100" dir="5400000" sx="98000" sy="98000" algn="t" rotWithShape="0">
              <a:prstClr val="black">
                <a:alpha val="18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69" name="Rectangle 11"/>
          <p:cNvSpPr/>
          <p:nvPr/>
        </p:nvSpPr>
        <p:spPr>
          <a:xfrm>
            <a:off x="671512" y="3674840"/>
            <a:ext cx="742950" cy="756000"/>
          </a:xfrm>
          <a:custGeom>
            <a:avLst/>
            <a:gdLst>
              <a:gd name="connsiteX0" fmla="*/ 0 w 704850"/>
              <a:gd name="connsiteY0" fmla="*/ 0 h 1000125"/>
              <a:gd name="connsiteX1" fmla="*/ 704850 w 704850"/>
              <a:gd name="connsiteY1" fmla="*/ 0 h 1000125"/>
              <a:gd name="connsiteX2" fmla="*/ 704850 w 704850"/>
              <a:gd name="connsiteY2" fmla="*/ 1000125 h 1000125"/>
              <a:gd name="connsiteX3" fmla="*/ 0 w 704850"/>
              <a:gd name="connsiteY3" fmla="*/ 1000125 h 1000125"/>
              <a:gd name="connsiteX4" fmla="*/ 0 w 704850"/>
              <a:gd name="connsiteY4" fmla="*/ 0 h 1000125"/>
              <a:gd name="connsiteX0" fmla="*/ 9525 w 714375"/>
              <a:gd name="connsiteY0" fmla="*/ 0 h 1000125"/>
              <a:gd name="connsiteX1" fmla="*/ 714375 w 714375"/>
              <a:gd name="connsiteY1" fmla="*/ 0 h 1000125"/>
              <a:gd name="connsiteX2" fmla="*/ 714375 w 714375"/>
              <a:gd name="connsiteY2" fmla="*/ 1000125 h 1000125"/>
              <a:gd name="connsiteX3" fmla="*/ 9525 w 714375"/>
              <a:gd name="connsiteY3" fmla="*/ 1000125 h 1000125"/>
              <a:gd name="connsiteX4" fmla="*/ 0 w 714375"/>
              <a:gd name="connsiteY4" fmla="*/ 466725 h 1000125"/>
              <a:gd name="connsiteX5" fmla="*/ 9525 w 714375"/>
              <a:gd name="connsiteY5" fmla="*/ 0 h 1000125"/>
              <a:gd name="connsiteX0" fmla="*/ 285750 w 990600"/>
              <a:gd name="connsiteY0" fmla="*/ 0 h 1000125"/>
              <a:gd name="connsiteX1" fmla="*/ 990600 w 990600"/>
              <a:gd name="connsiteY1" fmla="*/ 0 h 1000125"/>
              <a:gd name="connsiteX2" fmla="*/ 990600 w 990600"/>
              <a:gd name="connsiteY2" fmla="*/ 1000125 h 1000125"/>
              <a:gd name="connsiteX3" fmla="*/ 285750 w 990600"/>
              <a:gd name="connsiteY3" fmla="*/ 1000125 h 1000125"/>
              <a:gd name="connsiteX4" fmla="*/ 0 w 990600"/>
              <a:gd name="connsiteY4" fmla="*/ 514350 h 1000125"/>
              <a:gd name="connsiteX5" fmla="*/ 285750 w 990600"/>
              <a:gd name="connsiteY5" fmla="*/ 0 h 100012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990600" h="1000125">
                <a:moveTo>
                  <a:pt x="285750" y="0"/>
                </a:moveTo>
                <a:lnTo>
                  <a:pt x="990600" y="0"/>
                </a:lnTo>
                <a:lnTo>
                  <a:pt x="990600" y="1000125"/>
                </a:lnTo>
                <a:lnTo>
                  <a:pt x="285750" y="1000125"/>
                </a:lnTo>
                <a:lnTo>
                  <a:pt x="0" y="514350"/>
                </a:lnTo>
                <a:lnTo>
                  <a:pt x="285750" y="0"/>
                </a:lnTo>
                <a:close/>
              </a:path>
            </a:pathLst>
          </a:custGeom>
          <a:solidFill>
            <a:schemeClr val="accent4"/>
          </a:solidFill>
          <a:ln>
            <a:noFill/>
          </a:ln>
          <a:effectLst>
            <a:outerShdw blurRad="139700" dist="38100" dir="5400000" sx="98000" sy="98000" algn="t" rotWithShape="0">
              <a:prstClr val="black">
                <a:alpha val="18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71" name="Rectangle 11"/>
          <p:cNvSpPr/>
          <p:nvPr/>
        </p:nvSpPr>
        <p:spPr>
          <a:xfrm>
            <a:off x="671512" y="4506468"/>
            <a:ext cx="742950" cy="756000"/>
          </a:xfrm>
          <a:custGeom>
            <a:avLst/>
            <a:gdLst>
              <a:gd name="connsiteX0" fmla="*/ 0 w 704850"/>
              <a:gd name="connsiteY0" fmla="*/ 0 h 1000125"/>
              <a:gd name="connsiteX1" fmla="*/ 704850 w 704850"/>
              <a:gd name="connsiteY1" fmla="*/ 0 h 1000125"/>
              <a:gd name="connsiteX2" fmla="*/ 704850 w 704850"/>
              <a:gd name="connsiteY2" fmla="*/ 1000125 h 1000125"/>
              <a:gd name="connsiteX3" fmla="*/ 0 w 704850"/>
              <a:gd name="connsiteY3" fmla="*/ 1000125 h 1000125"/>
              <a:gd name="connsiteX4" fmla="*/ 0 w 704850"/>
              <a:gd name="connsiteY4" fmla="*/ 0 h 1000125"/>
              <a:gd name="connsiteX0" fmla="*/ 9525 w 714375"/>
              <a:gd name="connsiteY0" fmla="*/ 0 h 1000125"/>
              <a:gd name="connsiteX1" fmla="*/ 714375 w 714375"/>
              <a:gd name="connsiteY1" fmla="*/ 0 h 1000125"/>
              <a:gd name="connsiteX2" fmla="*/ 714375 w 714375"/>
              <a:gd name="connsiteY2" fmla="*/ 1000125 h 1000125"/>
              <a:gd name="connsiteX3" fmla="*/ 9525 w 714375"/>
              <a:gd name="connsiteY3" fmla="*/ 1000125 h 1000125"/>
              <a:gd name="connsiteX4" fmla="*/ 0 w 714375"/>
              <a:gd name="connsiteY4" fmla="*/ 466725 h 1000125"/>
              <a:gd name="connsiteX5" fmla="*/ 9525 w 714375"/>
              <a:gd name="connsiteY5" fmla="*/ 0 h 1000125"/>
              <a:gd name="connsiteX0" fmla="*/ 285750 w 990600"/>
              <a:gd name="connsiteY0" fmla="*/ 0 h 1000125"/>
              <a:gd name="connsiteX1" fmla="*/ 990600 w 990600"/>
              <a:gd name="connsiteY1" fmla="*/ 0 h 1000125"/>
              <a:gd name="connsiteX2" fmla="*/ 990600 w 990600"/>
              <a:gd name="connsiteY2" fmla="*/ 1000125 h 1000125"/>
              <a:gd name="connsiteX3" fmla="*/ 285750 w 990600"/>
              <a:gd name="connsiteY3" fmla="*/ 1000125 h 1000125"/>
              <a:gd name="connsiteX4" fmla="*/ 0 w 990600"/>
              <a:gd name="connsiteY4" fmla="*/ 514350 h 1000125"/>
              <a:gd name="connsiteX5" fmla="*/ 285750 w 990600"/>
              <a:gd name="connsiteY5" fmla="*/ 0 h 100012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990600" h="1000125">
                <a:moveTo>
                  <a:pt x="285750" y="0"/>
                </a:moveTo>
                <a:lnTo>
                  <a:pt x="990600" y="0"/>
                </a:lnTo>
                <a:lnTo>
                  <a:pt x="990600" y="1000125"/>
                </a:lnTo>
                <a:lnTo>
                  <a:pt x="285750" y="1000125"/>
                </a:lnTo>
                <a:lnTo>
                  <a:pt x="0" y="514350"/>
                </a:lnTo>
                <a:lnTo>
                  <a:pt x="285750" y="0"/>
                </a:lnTo>
                <a:close/>
              </a:path>
            </a:pathLst>
          </a:custGeom>
          <a:solidFill>
            <a:schemeClr val="accent4"/>
          </a:solidFill>
          <a:ln>
            <a:noFill/>
          </a:ln>
          <a:effectLst>
            <a:outerShdw blurRad="139700" dist="38100" dir="5400000" sx="98000" sy="98000" algn="t" rotWithShape="0">
              <a:prstClr val="black">
                <a:alpha val="18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 dirty="0"/>
          </a:p>
        </p:txBody>
      </p:sp>
      <p:sp>
        <p:nvSpPr>
          <p:cNvPr id="42" name="Rectangle 1"/>
          <p:cNvSpPr/>
          <p:nvPr/>
        </p:nvSpPr>
        <p:spPr>
          <a:xfrm>
            <a:off x="5529263" y="0"/>
            <a:ext cx="3621882" cy="6858000"/>
          </a:xfrm>
          <a:prstGeom prst="rect">
            <a:avLst/>
          </a:prstGeom>
          <a:solidFill>
            <a:srgbClr val="F9FC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/>
          </a:p>
        </p:txBody>
      </p:sp>
      <p:sp>
        <p:nvSpPr>
          <p:cNvPr id="25" name="Text 24"/>
          <p:cNvSpPr>
            <a:spLocks noGrp="1"/>
          </p:cNvSpPr>
          <p:nvPr>
            <p:ph type="body" sz="quarter" idx="19"/>
          </p:nvPr>
        </p:nvSpPr>
        <p:spPr>
          <a:xfrm>
            <a:off x="872753" y="2162040"/>
            <a:ext cx="500062" cy="648000"/>
          </a:xfrm>
        </p:spPr>
        <p:txBody>
          <a:bodyPr/>
          <a:lstStyle/>
          <a:p>
            <a:r>
              <a:rPr lang="ru-RU" dirty="0"/>
              <a:t>01</a:t>
            </a:r>
          </a:p>
        </p:txBody>
      </p:sp>
      <p:sp>
        <p:nvSpPr>
          <p:cNvPr id="26" name="Text 25"/>
          <p:cNvSpPr>
            <a:spLocks noGrp="1"/>
          </p:cNvSpPr>
          <p:nvPr>
            <p:ph type="body" sz="quarter" idx="20"/>
          </p:nvPr>
        </p:nvSpPr>
        <p:spPr>
          <a:xfrm>
            <a:off x="1503881" y="2084825"/>
            <a:ext cx="3016361" cy="648000"/>
          </a:xfrm>
        </p:spPr>
        <p:txBody>
          <a:bodyPr/>
          <a:lstStyle/>
          <a:p>
            <a:r>
              <a:rPr lang="en-US" dirty="0">
                <a:solidFill>
                  <a:srgbClr val="262626"/>
                </a:solidFill>
              </a:rPr>
              <a:t>Learners will be able to identify some digital tools used in their daily life.</a:t>
            </a:r>
          </a:p>
        </p:txBody>
      </p:sp>
      <p:sp>
        <p:nvSpPr>
          <p:cNvPr id="17" name="Title"/>
          <p:cNvSpPr>
            <a:spLocks noGrp="1"/>
          </p:cNvSpPr>
          <p:nvPr>
            <p:ph type="title" idx="21"/>
          </p:nvPr>
        </p:nvSpPr>
        <p:spPr/>
        <p:txBody>
          <a:bodyPr/>
          <a:lstStyle/>
          <a:p>
            <a:r>
              <a:rPr lang="en-US" sz="2800" dirty="0"/>
              <a:t>Course Objectives</a:t>
            </a:r>
            <a:endParaRPr lang="ru-RU" sz="2800" dirty="0"/>
          </a:p>
        </p:txBody>
      </p:sp>
      <p:sp>
        <p:nvSpPr>
          <p:cNvPr id="27" name="Text 26"/>
          <p:cNvSpPr>
            <a:spLocks noGrp="1"/>
          </p:cNvSpPr>
          <p:nvPr>
            <p:ph type="body" sz="quarter" idx="22"/>
          </p:nvPr>
        </p:nvSpPr>
        <p:spPr>
          <a:xfrm>
            <a:off x="872753" y="2974509"/>
            <a:ext cx="500062" cy="648000"/>
          </a:xfrm>
        </p:spPr>
        <p:txBody>
          <a:bodyPr/>
          <a:lstStyle/>
          <a:p>
            <a:r>
              <a:rPr lang="ru-RU" dirty="0"/>
              <a:t>02</a:t>
            </a:r>
          </a:p>
        </p:txBody>
      </p:sp>
      <p:sp>
        <p:nvSpPr>
          <p:cNvPr id="28" name="Text 27"/>
          <p:cNvSpPr>
            <a:spLocks noGrp="1"/>
          </p:cNvSpPr>
          <p:nvPr>
            <p:ph type="body" sz="quarter" idx="23"/>
          </p:nvPr>
        </p:nvSpPr>
        <p:spPr>
          <a:xfrm>
            <a:off x="1503881" y="2897294"/>
            <a:ext cx="3016361" cy="648000"/>
          </a:xfrm>
        </p:spPr>
        <p:txBody>
          <a:bodyPr/>
          <a:lstStyle/>
          <a:p>
            <a:r>
              <a:rPr lang="en-US" dirty="0">
                <a:solidFill>
                  <a:srgbClr val="262626"/>
                </a:solidFill>
              </a:rPr>
              <a:t>Tools learnt by learners will help learners be effective and productive in their life.</a:t>
            </a:r>
          </a:p>
        </p:txBody>
      </p:sp>
      <p:sp>
        <p:nvSpPr>
          <p:cNvPr id="29" name="Text 28"/>
          <p:cNvSpPr>
            <a:spLocks noGrp="1"/>
          </p:cNvSpPr>
          <p:nvPr>
            <p:ph type="body" sz="quarter" idx="24"/>
          </p:nvPr>
        </p:nvSpPr>
        <p:spPr>
          <a:xfrm>
            <a:off x="872753" y="3816561"/>
            <a:ext cx="500062" cy="648000"/>
          </a:xfrm>
        </p:spPr>
        <p:txBody>
          <a:bodyPr/>
          <a:lstStyle/>
          <a:p>
            <a:r>
              <a:rPr lang="ru-RU" dirty="0"/>
              <a:t>03</a:t>
            </a:r>
          </a:p>
        </p:txBody>
      </p:sp>
      <p:sp>
        <p:nvSpPr>
          <p:cNvPr id="30" name="Text 29"/>
          <p:cNvSpPr>
            <a:spLocks noGrp="1"/>
          </p:cNvSpPr>
          <p:nvPr>
            <p:ph type="body" sz="quarter" idx="25"/>
          </p:nvPr>
        </p:nvSpPr>
        <p:spPr>
          <a:xfrm>
            <a:off x="1503881" y="3739346"/>
            <a:ext cx="3016361" cy="648000"/>
          </a:xfrm>
        </p:spPr>
        <p:txBody>
          <a:bodyPr/>
          <a:lstStyle/>
          <a:p>
            <a:r>
              <a:rPr lang="en-US" dirty="0">
                <a:solidFill>
                  <a:srgbClr val="262626"/>
                </a:solidFill>
              </a:rPr>
              <a:t>You’ll learn to avoid repeating common mistakes professionals face.</a:t>
            </a:r>
          </a:p>
        </p:txBody>
      </p:sp>
      <p:sp>
        <p:nvSpPr>
          <p:cNvPr id="31" name="Text 30"/>
          <p:cNvSpPr>
            <a:spLocks noGrp="1"/>
          </p:cNvSpPr>
          <p:nvPr>
            <p:ph type="body" sz="quarter" idx="26"/>
          </p:nvPr>
        </p:nvSpPr>
        <p:spPr>
          <a:xfrm>
            <a:off x="872753" y="4638551"/>
            <a:ext cx="500062" cy="648000"/>
          </a:xfrm>
        </p:spPr>
        <p:txBody>
          <a:bodyPr/>
          <a:lstStyle/>
          <a:p>
            <a:r>
              <a:rPr lang="ru-RU" dirty="0"/>
              <a:t>04</a:t>
            </a:r>
          </a:p>
        </p:txBody>
      </p:sp>
      <p:sp>
        <p:nvSpPr>
          <p:cNvPr id="32" name="Text 31"/>
          <p:cNvSpPr>
            <a:spLocks noGrp="1"/>
          </p:cNvSpPr>
          <p:nvPr>
            <p:ph type="body" sz="quarter" idx="27"/>
          </p:nvPr>
        </p:nvSpPr>
        <p:spPr>
          <a:xfrm>
            <a:off x="1503881" y="4561336"/>
            <a:ext cx="3016361" cy="648000"/>
          </a:xfrm>
        </p:spPr>
        <p:txBody>
          <a:bodyPr/>
          <a:lstStyle/>
          <a:p>
            <a:r>
              <a:rPr lang="en-US" dirty="0">
                <a:solidFill>
                  <a:srgbClr val="262626"/>
                </a:solidFill>
              </a:rPr>
              <a:t>Learners will acquire digital literacy skills in using basic to complex digital tools .</a:t>
            </a:r>
          </a:p>
        </p:txBody>
      </p:sp>
      <p:pic>
        <p:nvPicPr>
          <p:cNvPr id="41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1" b="41779"/>
          <a:stretch/>
        </p:blipFill>
        <p:spPr>
          <a:xfrm>
            <a:off x="5225237" y="871268"/>
            <a:ext cx="3675581" cy="5996460"/>
          </a:xfrm>
          <a:prstGeom prst="rect">
            <a:avLst/>
          </a:prstGeom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872CC595-78B0-8824-F415-B0A8DFF1FE3C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4786" y="5949192"/>
            <a:ext cx="705991" cy="70599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8847582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ext 10"/>
          <p:cNvSpPr>
            <a:spLocks noGrp="1"/>
          </p:cNvSpPr>
          <p:nvPr>
            <p:ph type="body" idx="10"/>
          </p:nvPr>
        </p:nvSpPr>
        <p:spPr/>
        <p:txBody>
          <a:bodyPr/>
          <a:lstStyle/>
          <a:p>
            <a:r>
              <a:rPr lang="en-US" sz="1000" dirty="0"/>
              <a:t>CHAPTER</a:t>
            </a:r>
            <a:r>
              <a:rPr lang="ru-RU" sz="1000" dirty="0"/>
              <a:t> 1</a:t>
            </a:r>
          </a:p>
        </p:txBody>
      </p:sp>
      <p:sp>
        <p:nvSpPr>
          <p:cNvPr id="9" name="Text 8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pPr algn="just"/>
            <a:r>
              <a:rPr lang="en-US" dirty="0"/>
              <a:t>This refers to an individual’s ability to find, evaluate, and communicate information through typing and other media on various digital platforms. </a:t>
            </a:r>
          </a:p>
          <a:p>
            <a:pPr algn="just"/>
            <a:r>
              <a:rPr lang="en-US" dirty="0"/>
              <a:t>Computers have are enhancing and have improved the way we work, teach, learn and have become somewhat a basic thing in our daily endeavor.</a:t>
            </a:r>
          </a:p>
        </p:txBody>
      </p:sp>
      <p:sp>
        <p:nvSpPr>
          <p:cNvPr id="10" name="Title 9"/>
          <p:cNvSpPr>
            <a:spLocks noGrp="1"/>
          </p:cNvSpPr>
          <p:nvPr>
            <p:ph type="title" idx="12"/>
          </p:nvPr>
        </p:nvSpPr>
        <p:spPr/>
        <p:txBody>
          <a:bodyPr/>
          <a:lstStyle/>
          <a:p>
            <a:r>
              <a:rPr lang="en-US" sz="2800" dirty="0"/>
              <a:t>Digital Literacy</a:t>
            </a:r>
            <a:endParaRPr lang="ru-RU" sz="2800" dirty="0"/>
          </a:p>
        </p:txBody>
      </p:sp>
      <p:sp>
        <p:nvSpPr>
          <p:cNvPr id="12" name="Hexagon 11"/>
          <p:cNvSpPr/>
          <p:nvPr/>
        </p:nvSpPr>
        <p:spPr>
          <a:xfrm>
            <a:off x="742950" y="5276193"/>
            <a:ext cx="613220" cy="528638"/>
          </a:xfrm>
          <a:prstGeom prst="hexagon">
            <a:avLst>
              <a:gd name="adj" fmla="val 27703"/>
              <a:gd name="vf" fmla="val 115470"/>
            </a:avLst>
          </a:prstGeom>
          <a:solidFill>
            <a:srgbClr val="FF6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33" name="Freeform 14"/>
          <p:cNvSpPr>
            <a:spLocks noChangeAspect="1" noEditPoints="1"/>
          </p:cNvSpPr>
          <p:nvPr>
            <p:custDataLst>
              <p:tags r:id="rId2"/>
            </p:custDataLst>
          </p:nvPr>
        </p:nvSpPr>
        <p:spPr bwMode="auto">
          <a:xfrm>
            <a:off x="937558" y="5371954"/>
            <a:ext cx="224003" cy="337114"/>
          </a:xfrm>
          <a:custGeom>
            <a:avLst/>
            <a:gdLst>
              <a:gd name="T0" fmla="*/ 52 w 128"/>
              <a:gd name="T1" fmla="*/ 181 h 192"/>
              <a:gd name="T2" fmla="*/ 52 w 128"/>
              <a:gd name="T3" fmla="*/ 185 h 192"/>
              <a:gd name="T4" fmla="*/ 59 w 128"/>
              <a:gd name="T5" fmla="*/ 192 h 192"/>
              <a:gd name="T6" fmla="*/ 68 w 128"/>
              <a:gd name="T7" fmla="*/ 192 h 192"/>
              <a:gd name="T8" fmla="*/ 76 w 128"/>
              <a:gd name="T9" fmla="*/ 185 h 192"/>
              <a:gd name="T10" fmla="*/ 76 w 128"/>
              <a:gd name="T11" fmla="*/ 181 h 192"/>
              <a:gd name="T12" fmla="*/ 90 w 128"/>
              <a:gd name="T13" fmla="*/ 164 h 192"/>
              <a:gd name="T14" fmla="*/ 37 w 128"/>
              <a:gd name="T15" fmla="*/ 164 h 192"/>
              <a:gd name="T16" fmla="*/ 52 w 128"/>
              <a:gd name="T17" fmla="*/ 181 h 192"/>
              <a:gd name="T18" fmla="*/ 90 w 128"/>
              <a:gd name="T19" fmla="*/ 144 h 192"/>
              <a:gd name="T20" fmla="*/ 38 w 128"/>
              <a:gd name="T21" fmla="*/ 144 h 192"/>
              <a:gd name="T22" fmla="*/ 32 w 128"/>
              <a:gd name="T23" fmla="*/ 150 h 192"/>
              <a:gd name="T24" fmla="*/ 38 w 128"/>
              <a:gd name="T25" fmla="*/ 156 h 192"/>
              <a:gd name="T26" fmla="*/ 90 w 128"/>
              <a:gd name="T27" fmla="*/ 156 h 192"/>
              <a:gd name="T28" fmla="*/ 96 w 128"/>
              <a:gd name="T29" fmla="*/ 150 h 192"/>
              <a:gd name="T30" fmla="*/ 90 w 128"/>
              <a:gd name="T31" fmla="*/ 144 h 192"/>
              <a:gd name="T32" fmla="*/ 63 w 128"/>
              <a:gd name="T33" fmla="*/ 20 h 192"/>
              <a:gd name="T34" fmla="*/ 20 w 128"/>
              <a:gd name="T35" fmla="*/ 70 h 192"/>
              <a:gd name="T36" fmla="*/ 25 w 128"/>
              <a:gd name="T37" fmla="*/ 76 h 192"/>
              <a:gd name="T38" fmla="*/ 31 w 128"/>
              <a:gd name="T39" fmla="*/ 70 h 192"/>
              <a:gd name="T40" fmla="*/ 63 w 128"/>
              <a:gd name="T41" fmla="*/ 31 h 192"/>
              <a:gd name="T42" fmla="*/ 68 w 128"/>
              <a:gd name="T43" fmla="*/ 26 h 192"/>
              <a:gd name="T44" fmla="*/ 63 w 128"/>
              <a:gd name="T45" fmla="*/ 20 h 192"/>
              <a:gd name="T46" fmla="*/ 64 w 128"/>
              <a:gd name="T47" fmla="*/ 0 h 192"/>
              <a:gd name="T48" fmla="*/ 0 w 128"/>
              <a:gd name="T49" fmla="*/ 65 h 192"/>
              <a:gd name="T50" fmla="*/ 5 w 128"/>
              <a:gd name="T51" fmla="*/ 90 h 192"/>
              <a:gd name="T52" fmla="*/ 6 w 128"/>
              <a:gd name="T53" fmla="*/ 93 h 192"/>
              <a:gd name="T54" fmla="*/ 17 w 128"/>
              <a:gd name="T55" fmla="*/ 110 h 192"/>
              <a:gd name="T56" fmla="*/ 33 w 128"/>
              <a:gd name="T57" fmla="*/ 136 h 192"/>
              <a:gd name="T58" fmla="*/ 95 w 128"/>
              <a:gd name="T59" fmla="*/ 136 h 192"/>
              <a:gd name="T60" fmla="*/ 111 w 128"/>
              <a:gd name="T61" fmla="*/ 110 h 192"/>
              <a:gd name="T62" fmla="*/ 122 w 128"/>
              <a:gd name="T63" fmla="*/ 93 h 192"/>
              <a:gd name="T64" fmla="*/ 123 w 128"/>
              <a:gd name="T65" fmla="*/ 90 h 192"/>
              <a:gd name="T66" fmla="*/ 128 w 128"/>
              <a:gd name="T67" fmla="*/ 65 h 192"/>
              <a:gd name="T68" fmla="*/ 64 w 128"/>
              <a:gd name="T69" fmla="*/ 0 h 192"/>
              <a:gd name="T70" fmla="*/ 112 w 128"/>
              <a:gd name="T71" fmla="*/ 85 h 192"/>
              <a:gd name="T72" fmla="*/ 111 w 128"/>
              <a:gd name="T73" fmla="*/ 88 h 192"/>
              <a:gd name="T74" fmla="*/ 102 w 128"/>
              <a:gd name="T75" fmla="*/ 102 h 192"/>
              <a:gd name="T76" fmla="*/ 101 w 128"/>
              <a:gd name="T77" fmla="*/ 102 h 192"/>
              <a:gd name="T78" fmla="*/ 101 w 128"/>
              <a:gd name="T79" fmla="*/ 103 h 192"/>
              <a:gd name="T80" fmla="*/ 88 w 128"/>
              <a:gd name="T81" fmla="*/ 124 h 192"/>
              <a:gd name="T82" fmla="*/ 40 w 128"/>
              <a:gd name="T83" fmla="*/ 124 h 192"/>
              <a:gd name="T84" fmla="*/ 27 w 128"/>
              <a:gd name="T85" fmla="*/ 103 h 192"/>
              <a:gd name="T86" fmla="*/ 27 w 128"/>
              <a:gd name="T87" fmla="*/ 102 h 192"/>
              <a:gd name="T88" fmla="*/ 26 w 128"/>
              <a:gd name="T89" fmla="*/ 102 h 192"/>
              <a:gd name="T90" fmla="*/ 17 w 128"/>
              <a:gd name="T91" fmla="*/ 88 h 192"/>
              <a:gd name="T92" fmla="*/ 16 w 128"/>
              <a:gd name="T93" fmla="*/ 85 h 192"/>
              <a:gd name="T94" fmla="*/ 12 w 128"/>
              <a:gd name="T95" fmla="*/ 65 h 192"/>
              <a:gd name="T96" fmla="*/ 64 w 128"/>
              <a:gd name="T97" fmla="*/ 12 h 192"/>
              <a:gd name="T98" fmla="*/ 116 w 128"/>
              <a:gd name="T99" fmla="*/ 65 h 192"/>
              <a:gd name="T100" fmla="*/ 112 w 128"/>
              <a:gd name="T101" fmla="*/ 85 h 192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  <a:cxn ang="0">
                <a:pos x="T96" y="T97"/>
              </a:cxn>
              <a:cxn ang="0">
                <a:pos x="T98" y="T99"/>
              </a:cxn>
              <a:cxn ang="0">
                <a:pos x="T100" y="T101"/>
              </a:cxn>
            </a:cxnLst>
            <a:rect l="0" t="0" r="r" b="b"/>
            <a:pathLst>
              <a:path w="128" h="192">
                <a:moveTo>
                  <a:pt x="52" y="181"/>
                </a:moveTo>
                <a:cubicBezTo>
                  <a:pt x="52" y="185"/>
                  <a:pt x="52" y="185"/>
                  <a:pt x="52" y="185"/>
                </a:cubicBezTo>
                <a:cubicBezTo>
                  <a:pt x="52" y="189"/>
                  <a:pt x="55" y="192"/>
                  <a:pt x="59" y="192"/>
                </a:cubicBezTo>
                <a:cubicBezTo>
                  <a:pt x="68" y="192"/>
                  <a:pt x="68" y="192"/>
                  <a:pt x="68" y="192"/>
                </a:cubicBezTo>
                <a:cubicBezTo>
                  <a:pt x="72" y="192"/>
                  <a:pt x="76" y="189"/>
                  <a:pt x="76" y="185"/>
                </a:cubicBezTo>
                <a:cubicBezTo>
                  <a:pt x="76" y="181"/>
                  <a:pt x="76" y="181"/>
                  <a:pt x="76" y="181"/>
                </a:cubicBezTo>
                <a:cubicBezTo>
                  <a:pt x="84" y="181"/>
                  <a:pt x="90" y="172"/>
                  <a:pt x="90" y="164"/>
                </a:cubicBezTo>
                <a:cubicBezTo>
                  <a:pt x="37" y="164"/>
                  <a:pt x="37" y="164"/>
                  <a:pt x="37" y="164"/>
                </a:cubicBezTo>
                <a:cubicBezTo>
                  <a:pt x="37" y="172"/>
                  <a:pt x="44" y="180"/>
                  <a:pt x="52" y="181"/>
                </a:cubicBezTo>
                <a:close/>
                <a:moveTo>
                  <a:pt x="90" y="144"/>
                </a:moveTo>
                <a:cubicBezTo>
                  <a:pt x="38" y="144"/>
                  <a:pt x="38" y="144"/>
                  <a:pt x="38" y="144"/>
                </a:cubicBezTo>
                <a:cubicBezTo>
                  <a:pt x="35" y="144"/>
                  <a:pt x="32" y="147"/>
                  <a:pt x="32" y="150"/>
                </a:cubicBezTo>
                <a:cubicBezTo>
                  <a:pt x="32" y="153"/>
                  <a:pt x="35" y="156"/>
                  <a:pt x="38" y="156"/>
                </a:cubicBezTo>
                <a:cubicBezTo>
                  <a:pt x="90" y="156"/>
                  <a:pt x="90" y="156"/>
                  <a:pt x="90" y="156"/>
                </a:cubicBezTo>
                <a:cubicBezTo>
                  <a:pt x="93" y="156"/>
                  <a:pt x="96" y="153"/>
                  <a:pt x="96" y="150"/>
                </a:cubicBezTo>
                <a:cubicBezTo>
                  <a:pt x="96" y="147"/>
                  <a:pt x="93" y="144"/>
                  <a:pt x="90" y="144"/>
                </a:cubicBezTo>
                <a:close/>
                <a:moveTo>
                  <a:pt x="63" y="20"/>
                </a:moveTo>
                <a:cubicBezTo>
                  <a:pt x="37" y="20"/>
                  <a:pt x="20" y="38"/>
                  <a:pt x="20" y="70"/>
                </a:cubicBezTo>
                <a:cubicBezTo>
                  <a:pt x="20" y="73"/>
                  <a:pt x="22" y="76"/>
                  <a:pt x="25" y="76"/>
                </a:cubicBezTo>
                <a:cubicBezTo>
                  <a:pt x="28" y="76"/>
                  <a:pt x="31" y="73"/>
                  <a:pt x="31" y="70"/>
                </a:cubicBezTo>
                <a:cubicBezTo>
                  <a:pt x="31" y="44"/>
                  <a:pt x="43" y="31"/>
                  <a:pt x="63" y="31"/>
                </a:cubicBezTo>
                <a:cubicBezTo>
                  <a:pt x="66" y="31"/>
                  <a:pt x="68" y="29"/>
                  <a:pt x="68" y="26"/>
                </a:cubicBezTo>
                <a:cubicBezTo>
                  <a:pt x="68" y="22"/>
                  <a:pt x="66" y="20"/>
                  <a:pt x="63" y="20"/>
                </a:cubicBezTo>
                <a:close/>
                <a:moveTo>
                  <a:pt x="64" y="0"/>
                </a:moveTo>
                <a:cubicBezTo>
                  <a:pt x="29" y="0"/>
                  <a:pt x="0" y="29"/>
                  <a:pt x="0" y="65"/>
                </a:cubicBezTo>
                <a:cubicBezTo>
                  <a:pt x="0" y="74"/>
                  <a:pt x="2" y="82"/>
                  <a:pt x="5" y="90"/>
                </a:cubicBezTo>
                <a:cubicBezTo>
                  <a:pt x="5" y="91"/>
                  <a:pt x="5" y="92"/>
                  <a:pt x="6" y="93"/>
                </a:cubicBezTo>
                <a:cubicBezTo>
                  <a:pt x="9" y="99"/>
                  <a:pt x="12" y="105"/>
                  <a:pt x="17" y="110"/>
                </a:cubicBezTo>
                <a:cubicBezTo>
                  <a:pt x="33" y="136"/>
                  <a:pt x="33" y="136"/>
                  <a:pt x="33" y="136"/>
                </a:cubicBezTo>
                <a:cubicBezTo>
                  <a:pt x="95" y="136"/>
                  <a:pt x="95" y="136"/>
                  <a:pt x="95" y="136"/>
                </a:cubicBezTo>
                <a:cubicBezTo>
                  <a:pt x="111" y="110"/>
                  <a:pt x="111" y="110"/>
                  <a:pt x="111" y="110"/>
                </a:cubicBezTo>
                <a:cubicBezTo>
                  <a:pt x="116" y="105"/>
                  <a:pt x="119" y="99"/>
                  <a:pt x="122" y="93"/>
                </a:cubicBezTo>
                <a:cubicBezTo>
                  <a:pt x="123" y="92"/>
                  <a:pt x="123" y="91"/>
                  <a:pt x="123" y="90"/>
                </a:cubicBezTo>
                <a:cubicBezTo>
                  <a:pt x="126" y="82"/>
                  <a:pt x="128" y="74"/>
                  <a:pt x="128" y="65"/>
                </a:cubicBezTo>
                <a:cubicBezTo>
                  <a:pt x="128" y="29"/>
                  <a:pt x="99" y="0"/>
                  <a:pt x="64" y="0"/>
                </a:cubicBezTo>
                <a:close/>
                <a:moveTo>
                  <a:pt x="112" y="85"/>
                </a:moveTo>
                <a:cubicBezTo>
                  <a:pt x="112" y="86"/>
                  <a:pt x="111" y="87"/>
                  <a:pt x="111" y="88"/>
                </a:cubicBezTo>
                <a:cubicBezTo>
                  <a:pt x="109" y="93"/>
                  <a:pt x="106" y="97"/>
                  <a:pt x="102" y="102"/>
                </a:cubicBezTo>
                <a:cubicBezTo>
                  <a:pt x="101" y="102"/>
                  <a:pt x="101" y="102"/>
                  <a:pt x="101" y="102"/>
                </a:cubicBezTo>
                <a:cubicBezTo>
                  <a:pt x="101" y="103"/>
                  <a:pt x="101" y="103"/>
                  <a:pt x="101" y="103"/>
                </a:cubicBezTo>
                <a:cubicBezTo>
                  <a:pt x="88" y="124"/>
                  <a:pt x="88" y="124"/>
                  <a:pt x="88" y="124"/>
                </a:cubicBezTo>
                <a:cubicBezTo>
                  <a:pt x="40" y="124"/>
                  <a:pt x="40" y="124"/>
                  <a:pt x="40" y="124"/>
                </a:cubicBezTo>
                <a:cubicBezTo>
                  <a:pt x="27" y="103"/>
                  <a:pt x="27" y="103"/>
                  <a:pt x="27" y="103"/>
                </a:cubicBezTo>
                <a:cubicBezTo>
                  <a:pt x="27" y="102"/>
                  <a:pt x="27" y="102"/>
                  <a:pt x="27" y="102"/>
                </a:cubicBezTo>
                <a:cubicBezTo>
                  <a:pt x="26" y="102"/>
                  <a:pt x="26" y="102"/>
                  <a:pt x="26" y="102"/>
                </a:cubicBezTo>
                <a:cubicBezTo>
                  <a:pt x="22" y="97"/>
                  <a:pt x="19" y="93"/>
                  <a:pt x="17" y="88"/>
                </a:cubicBezTo>
                <a:cubicBezTo>
                  <a:pt x="17" y="87"/>
                  <a:pt x="16" y="86"/>
                  <a:pt x="16" y="85"/>
                </a:cubicBezTo>
                <a:cubicBezTo>
                  <a:pt x="13" y="79"/>
                  <a:pt x="12" y="72"/>
                  <a:pt x="12" y="65"/>
                </a:cubicBezTo>
                <a:cubicBezTo>
                  <a:pt x="12" y="36"/>
                  <a:pt x="35" y="12"/>
                  <a:pt x="64" y="12"/>
                </a:cubicBezTo>
                <a:cubicBezTo>
                  <a:pt x="93" y="12"/>
                  <a:pt x="116" y="36"/>
                  <a:pt x="116" y="65"/>
                </a:cubicBezTo>
                <a:cubicBezTo>
                  <a:pt x="116" y="72"/>
                  <a:pt x="115" y="79"/>
                  <a:pt x="112" y="85"/>
                </a:cubicBezTo>
                <a:close/>
              </a:path>
            </a:pathLst>
          </a:custGeom>
          <a:solidFill>
            <a:schemeClr val="bg1"/>
          </a:solidFill>
          <a:ln>
            <a:noFill/>
          </a:ln>
        </p:spPr>
        <p:txBody>
          <a:bodyPr vert="horz" wrap="square" lIns="68580" tIns="34290" rIns="68580" bIns="34290" numCol="1" anchor="t" anchorCtr="0" compatLnSpc="1">
            <a:prstTxWarp prst="textNoShape">
              <a:avLst/>
            </a:prstTxWarp>
          </a:bodyPr>
          <a:lstStyle>
            <a:defPPr>
              <a:defRPr lang="ru-RU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 sz="1350"/>
          </a:p>
        </p:txBody>
      </p:sp>
      <p:sp>
        <p:nvSpPr>
          <p:cNvPr id="36" name="Text 8"/>
          <p:cNvSpPr txBox="1">
            <a:spLocks/>
          </p:cNvSpPr>
          <p:nvPr/>
        </p:nvSpPr>
        <p:spPr>
          <a:xfrm>
            <a:off x="1483990" y="5245539"/>
            <a:ext cx="2887985" cy="559292"/>
          </a:xfrm>
          <a:prstGeom prst="rect">
            <a:avLst/>
          </a:prstGeom>
        </p:spPr>
        <p:txBody>
          <a:bodyPr vert="horz" wrap="square" lIns="68580" tIns="34290" rIns="68580" bIns="34290" rtlCol="0" anchor="t" anchorCtr="0">
            <a:noAutofit/>
          </a:bodyPr>
          <a:lstStyle>
            <a:lvl1pPr marL="0" marR="0" indent="0" algn="l" defTabSz="914400" rtl="0" eaLnBrk="1" fontAlgn="auto" latinLnBrk="0" hangingPunct="1">
              <a:lnSpc>
                <a:spcPct val="134000"/>
              </a:lnSpc>
              <a:spcBef>
                <a:spcPts val="0"/>
              </a:spcBef>
              <a:spcAft>
                <a:spcPts val="1200"/>
              </a:spcAft>
              <a:buFontTx/>
              <a:buNone/>
              <a:defRPr sz="1400" b="0" i="0" u="none" strike="noStrike" kern="1200" cap="none" spc="0" baseline="0">
                <a:solidFill>
                  <a:schemeClr val="tx1">
                    <a:lumMod val="65000"/>
                    <a:lumOff val="35000"/>
                  </a:schemeClr>
                </a:solidFill>
                <a:latin typeface="Merriweather" panose="00000500000000000000" pitchFamily="2" charset="-52"/>
                <a:ea typeface="+mn-ea"/>
                <a:cs typeface="+mn-cs"/>
                <a:sym typeface="+mn-lt"/>
              </a:defRPr>
            </a:lvl1pPr>
            <a:lvl2pPr marL="457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050" dirty="0">
                <a:solidFill>
                  <a:srgbClr val="3B3B3B"/>
                </a:solidFill>
                <a:latin typeface="Raleway Light" panose="020B0403030101060003" pitchFamily="34" charset="-52"/>
              </a:rPr>
              <a:t>Talk to your school’s IT department about the tools you can use to digitize the classroom.</a:t>
            </a:r>
          </a:p>
        </p:txBody>
      </p:sp>
      <p:sp>
        <p:nvSpPr>
          <p:cNvPr id="13" name="Hexagon 37"/>
          <p:cNvSpPr/>
          <p:nvPr/>
        </p:nvSpPr>
        <p:spPr>
          <a:xfrm>
            <a:off x="0" y="1328488"/>
            <a:ext cx="499221" cy="790575"/>
          </a:xfrm>
          <a:custGeom>
            <a:avLst/>
            <a:gdLst>
              <a:gd name="connsiteX0" fmla="*/ 0 w 1035356"/>
              <a:gd name="connsiteY0" fmla="*/ 446274 h 892548"/>
              <a:gd name="connsiteX1" fmla="*/ 247263 w 1035356"/>
              <a:gd name="connsiteY1" fmla="*/ 0 h 892548"/>
              <a:gd name="connsiteX2" fmla="*/ 788093 w 1035356"/>
              <a:gd name="connsiteY2" fmla="*/ 0 h 892548"/>
              <a:gd name="connsiteX3" fmla="*/ 1035356 w 1035356"/>
              <a:gd name="connsiteY3" fmla="*/ 446274 h 892548"/>
              <a:gd name="connsiteX4" fmla="*/ 788093 w 1035356"/>
              <a:gd name="connsiteY4" fmla="*/ 892548 h 892548"/>
              <a:gd name="connsiteX5" fmla="*/ 247263 w 1035356"/>
              <a:gd name="connsiteY5" fmla="*/ 892548 h 892548"/>
              <a:gd name="connsiteX6" fmla="*/ 0 w 1035356"/>
              <a:gd name="connsiteY6" fmla="*/ 446274 h 892548"/>
              <a:gd name="connsiteX0" fmla="*/ 0 w 788093"/>
              <a:gd name="connsiteY0" fmla="*/ 892548 h 892548"/>
              <a:gd name="connsiteX1" fmla="*/ 0 w 788093"/>
              <a:gd name="connsiteY1" fmla="*/ 0 h 892548"/>
              <a:gd name="connsiteX2" fmla="*/ 540830 w 788093"/>
              <a:gd name="connsiteY2" fmla="*/ 0 h 892548"/>
              <a:gd name="connsiteX3" fmla="*/ 788093 w 788093"/>
              <a:gd name="connsiteY3" fmla="*/ 446274 h 892548"/>
              <a:gd name="connsiteX4" fmla="*/ 540830 w 788093"/>
              <a:gd name="connsiteY4" fmla="*/ 892548 h 892548"/>
              <a:gd name="connsiteX5" fmla="*/ 0 w 788093"/>
              <a:gd name="connsiteY5" fmla="*/ 892548 h 892548"/>
              <a:gd name="connsiteX0" fmla="*/ 0 w 832144"/>
              <a:gd name="connsiteY0" fmla="*/ 892548 h 892548"/>
              <a:gd name="connsiteX1" fmla="*/ 0 w 832144"/>
              <a:gd name="connsiteY1" fmla="*/ 0 h 892548"/>
              <a:gd name="connsiteX2" fmla="*/ 540830 w 832144"/>
              <a:gd name="connsiteY2" fmla="*/ 0 h 892548"/>
              <a:gd name="connsiteX3" fmla="*/ 832144 w 832144"/>
              <a:gd name="connsiteY3" fmla="*/ 452998 h 892548"/>
              <a:gd name="connsiteX4" fmla="*/ 540830 w 832144"/>
              <a:gd name="connsiteY4" fmla="*/ 892548 h 892548"/>
              <a:gd name="connsiteX5" fmla="*/ 0 w 832144"/>
              <a:gd name="connsiteY5" fmla="*/ 892548 h 8925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832144" h="892548">
                <a:moveTo>
                  <a:pt x="0" y="892548"/>
                </a:moveTo>
                <a:lnTo>
                  <a:pt x="0" y="0"/>
                </a:lnTo>
                <a:lnTo>
                  <a:pt x="540830" y="0"/>
                </a:lnTo>
                <a:lnTo>
                  <a:pt x="832144" y="452998"/>
                </a:lnTo>
                <a:lnTo>
                  <a:pt x="540830" y="892548"/>
                </a:lnTo>
                <a:lnTo>
                  <a:pt x="0" y="892548"/>
                </a:lnTo>
                <a:close/>
              </a:path>
            </a:pathLst>
          </a:cu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2" name="AutoShape 2" descr="Zoom, Remote, Meeting, Virtual, Business">
            <a:extLst>
              <a:ext uri="{FF2B5EF4-FFF2-40B4-BE49-F238E27FC236}">
                <a16:creationId xmlns:a16="http://schemas.microsoft.com/office/drawing/2014/main" id="{2E0B67AD-8806-FE2C-0D5A-3CF149AD4167}"/>
              </a:ext>
            </a:extLst>
          </p:cNvPr>
          <p:cNvSpPr>
            <a:spLocks noChangeAspect="1" noChangeArrowheads="1"/>
          </p:cNvSpPr>
          <p:nvPr/>
        </p:nvSpPr>
        <p:spPr bwMode="auto">
          <a:xfrm>
            <a:off x="4419600" y="3276600"/>
            <a:ext cx="304800" cy="3048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C8E35435-166A-1C79-8C1A-D9CFB7E2FDD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4786" y="5949192"/>
            <a:ext cx="705991" cy="70599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8" name="Picture Placeholder 7">
            <a:extLst>
              <a:ext uri="{FF2B5EF4-FFF2-40B4-BE49-F238E27FC236}">
                <a16:creationId xmlns:a16="http://schemas.microsoft.com/office/drawing/2014/main" id="{D6A8F678-1BAE-8D18-5069-9B68E1D21C00}"/>
              </a:ext>
            </a:extLst>
          </p:cNvPr>
          <p:cNvPicPr>
            <a:picLocks noGrp="1" noChangeAspect="1"/>
          </p:cNvPicPr>
          <p:nvPr>
            <p:ph type="pic" sz="quarter" idx="13"/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135" r="29135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231633807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ectangle 24">
            <a:extLst>
              <a:ext uri="{FF2B5EF4-FFF2-40B4-BE49-F238E27FC236}">
                <a16:creationId xmlns:a16="http://schemas.microsoft.com/office/drawing/2014/main" id="{E59761C0-7B88-8A9E-EA6C-8069C830DB7F}"/>
              </a:ext>
            </a:extLst>
          </p:cNvPr>
          <p:cNvSpPr/>
          <p:nvPr/>
        </p:nvSpPr>
        <p:spPr>
          <a:xfrm>
            <a:off x="5978503" y="3843567"/>
            <a:ext cx="2384008" cy="2435283"/>
          </a:xfrm>
          <a:prstGeom prst="rect">
            <a:avLst/>
          </a:prstGeom>
          <a:solidFill>
            <a:srgbClr val="F9FCF5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4" name="Rectangle 23">
            <a:extLst>
              <a:ext uri="{FF2B5EF4-FFF2-40B4-BE49-F238E27FC236}">
                <a16:creationId xmlns:a16="http://schemas.microsoft.com/office/drawing/2014/main" id="{22A41967-2938-A874-4611-01983AD395C8}"/>
              </a:ext>
            </a:extLst>
          </p:cNvPr>
          <p:cNvSpPr/>
          <p:nvPr/>
        </p:nvSpPr>
        <p:spPr>
          <a:xfrm>
            <a:off x="3354870" y="3830008"/>
            <a:ext cx="2483226" cy="2435283"/>
          </a:xfrm>
          <a:prstGeom prst="rect">
            <a:avLst/>
          </a:prstGeom>
          <a:solidFill>
            <a:srgbClr val="F9FCF5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3" name="Rectangle 22">
            <a:extLst>
              <a:ext uri="{FF2B5EF4-FFF2-40B4-BE49-F238E27FC236}">
                <a16:creationId xmlns:a16="http://schemas.microsoft.com/office/drawing/2014/main" id="{B6226E18-3F76-6B1A-15B0-B4F31277C433}"/>
              </a:ext>
            </a:extLst>
          </p:cNvPr>
          <p:cNvSpPr/>
          <p:nvPr/>
        </p:nvSpPr>
        <p:spPr>
          <a:xfrm>
            <a:off x="731237" y="3838033"/>
            <a:ext cx="2483226" cy="2435283"/>
          </a:xfrm>
          <a:prstGeom prst="rect">
            <a:avLst/>
          </a:prstGeom>
          <a:solidFill>
            <a:srgbClr val="F9FCF5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47" name="Text 1"/>
          <p:cNvSpPr>
            <a:spLocks noGrp="1"/>
          </p:cNvSpPr>
          <p:nvPr>
            <p:ph type="body" sz="quarter" idx="18"/>
          </p:nvPr>
        </p:nvSpPr>
        <p:spPr>
          <a:xfrm>
            <a:off x="5929097" y="4262106"/>
            <a:ext cx="2444426" cy="1957361"/>
          </a:xfrm>
        </p:spPr>
        <p:txBody>
          <a:bodyPr/>
          <a:lstStyle/>
          <a:p>
            <a:pPr algn="just"/>
            <a:r>
              <a:rPr lang="en-US" dirty="0"/>
              <a:t>The use of educational apps is a key to adding effective interactivity to your classroom.</a:t>
            </a:r>
          </a:p>
          <a:p>
            <a:pPr algn="just"/>
            <a:r>
              <a:rPr lang="en-US" dirty="0"/>
              <a:t>Infusing apps like Socrative, Mavis Beacon, and the likes can enhance students participation in the classroom.</a:t>
            </a:r>
          </a:p>
        </p:txBody>
      </p:sp>
      <p:sp>
        <p:nvSpPr>
          <p:cNvPr id="22" name="Text 21"/>
          <p:cNvSpPr>
            <a:spLocks noGrp="1"/>
          </p:cNvSpPr>
          <p:nvPr>
            <p:ph type="body" idx="21"/>
          </p:nvPr>
        </p:nvSpPr>
        <p:spPr>
          <a:xfrm>
            <a:off x="5904594" y="3934745"/>
            <a:ext cx="2450998" cy="375910"/>
          </a:xfrm>
        </p:spPr>
        <p:txBody>
          <a:bodyPr/>
          <a:lstStyle/>
          <a:p>
            <a:pPr algn="ctr"/>
            <a:r>
              <a:rPr lang="en-US" dirty="0"/>
              <a:t>Apps </a:t>
            </a:r>
            <a:endParaRPr lang="ru-RU" dirty="0"/>
          </a:p>
        </p:txBody>
      </p:sp>
      <p:sp>
        <p:nvSpPr>
          <p:cNvPr id="35" name="Text 3"/>
          <p:cNvSpPr>
            <a:spLocks noGrp="1"/>
          </p:cNvSpPr>
          <p:nvPr>
            <p:ph type="body" sz="quarter" idx="17"/>
          </p:nvPr>
        </p:nvSpPr>
        <p:spPr>
          <a:xfrm>
            <a:off x="3335689" y="4262108"/>
            <a:ext cx="2435417" cy="1957359"/>
          </a:xfrm>
        </p:spPr>
        <p:txBody>
          <a:bodyPr/>
          <a:lstStyle/>
          <a:p>
            <a:pPr algn="just"/>
            <a:r>
              <a:rPr lang="en-US" dirty="0"/>
              <a:t>Computers and other mobile devices can be introduced in the classroom.</a:t>
            </a:r>
          </a:p>
          <a:p>
            <a:pPr algn="just"/>
            <a:r>
              <a:rPr lang="en-US" dirty="0"/>
              <a:t>Though they are expensive, having these devices with the necessary educational tools installed would make education more interactive and fun.</a:t>
            </a:r>
          </a:p>
        </p:txBody>
      </p:sp>
      <p:sp>
        <p:nvSpPr>
          <p:cNvPr id="21" name="Text 20"/>
          <p:cNvSpPr>
            <a:spLocks noGrp="1"/>
          </p:cNvSpPr>
          <p:nvPr>
            <p:ph type="body" idx="20"/>
          </p:nvPr>
        </p:nvSpPr>
        <p:spPr>
          <a:xfrm>
            <a:off x="3331428" y="3934745"/>
            <a:ext cx="2334003" cy="375910"/>
          </a:xfrm>
        </p:spPr>
        <p:txBody>
          <a:bodyPr/>
          <a:lstStyle/>
          <a:p>
            <a:pPr algn="ctr"/>
            <a:r>
              <a:rPr lang="en-US" dirty="0"/>
              <a:t>Computers</a:t>
            </a:r>
            <a:endParaRPr lang="ru-RU" dirty="0"/>
          </a:p>
        </p:txBody>
      </p:sp>
      <p:sp>
        <p:nvSpPr>
          <p:cNvPr id="40" name="Text 5"/>
          <p:cNvSpPr>
            <a:spLocks noGrp="1"/>
          </p:cNvSpPr>
          <p:nvPr>
            <p:ph type="body" sz="quarter" idx="16"/>
          </p:nvPr>
        </p:nvSpPr>
        <p:spPr>
          <a:xfrm>
            <a:off x="753731" y="4262106"/>
            <a:ext cx="2453813" cy="1957361"/>
          </a:xfrm>
        </p:spPr>
        <p:txBody>
          <a:bodyPr/>
          <a:lstStyle/>
          <a:p>
            <a:pPr algn="just"/>
            <a:r>
              <a:rPr lang="en-US" dirty="0"/>
              <a:t>Google classroom has a suite of products that can help you digitize your classroom.</a:t>
            </a:r>
          </a:p>
          <a:p>
            <a:pPr algn="just"/>
            <a:r>
              <a:rPr lang="en-US" dirty="0"/>
              <a:t>This suite includes Google forms, YouTube, Google Docs, Google Sheets etc. These tools are integrated into your Google classroom.</a:t>
            </a:r>
          </a:p>
        </p:txBody>
      </p:sp>
      <p:sp>
        <p:nvSpPr>
          <p:cNvPr id="19" name="Text 18"/>
          <p:cNvSpPr>
            <a:spLocks noGrp="1"/>
          </p:cNvSpPr>
          <p:nvPr>
            <p:ph type="body" idx="1"/>
          </p:nvPr>
        </p:nvSpPr>
        <p:spPr>
          <a:xfrm>
            <a:off x="756387" y="3934745"/>
            <a:ext cx="2451234" cy="375910"/>
          </a:xfrm>
        </p:spPr>
        <p:txBody>
          <a:bodyPr/>
          <a:lstStyle/>
          <a:p>
            <a:pPr algn="ctr"/>
            <a:r>
              <a:rPr lang="en-US" dirty="0"/>
              <a:t>Google Classroom</a:t>
            </a:r>
            <a:endParaRPr lang="ru-RU" dirty="0"/>
          </a:p>
        </p:txBody>
      </p:sp>
      <p:sp>
        <p:nvSpPr>
          <p:cNvPr id="11" name="Title 10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2800" dirty="0"/>
              <a:t>Digital Tools</a:t>
            </a:r>
            <a:endParaRPr lang="ru-RU" sz="2800" dirty="0"/>
          </a:p>
        </p:txBody>
      </p:sp>
      <p:sp>
        <p:nvSpPr>
          <p:cNvPr id="3" name="Text 2"/>
          <p:cNvSpPr>
            <a:spLocks noGrp="1"/>
          </p:cNvSpPr>
          <p:nvPr>
            <p:ph type="body" idx="22"/>
          </p:nvPr>
        </p:nvSpPr>
        <p:spPr/>
        <p:txBody>
          <a:bodyPr/>
          <a:lstStyle/>
          <a:p>
            <a:r>
              <a:rPr lang="en-US" sz="1000" dirty="0"/>
              <a:t>CHAPTER</a:t>
            </a:r>
            <a:r>
              <a:rPr lang="ru-RU" sz="1000" dirty="0"/>
              <a:t> </a:t>
            </a:r>
            <a:r>
              <a:rPr lang="en-US" sz="1000" dirty="0"/>
              <a:t>2</a:t>
            </a:r>
            <a:endParaRPr lang="ru-RU" sz="1000" dirty="0"/>
          </a:p>
        </p:txBody>
      </p:sp>
      <p:sp>
        <p:nvSpPr>
          <p:cNvPr id="15" name="Rectangle 14"/>
          <p:cNvSpPr/>
          <p:nvPr/>
        </p:nvSpPr>
        <p:spPr>
          <a:xfrm>
            <a:off x="5981777" y="3609257"/>
            <a:ext cx="2376000" cy="94500"/>
          </a:xfrm>
          <a:prstGeom prst="rect">
            <a:avLst/>
          </a:prstGeom>
          <a:solidFill>
            <a:srgbClr val="689AE6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16" name="Rectangle 15"/>
          <p:cNvSpPr/>
          <p:nvPr/>
        </p:nvSpPr>
        <p:spPr>
          <a:xfrm>
            <a:off x="743080" y="3600451"/>
            <a:ext cx="2455644" cy="103306"/>
          </a:xfrm>
          <a:prstGeom prst="rect">
            <a:avLst/>
          </a:prstGeom>
          <a:solidFill>
            <a:schemeClr val="accent3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17" name="Rectangle 16"/>
          <p:cNvSpPr/>
          <p:nvPr/>
        </p:nvSpPr>
        <p:spPr>
          <a:xfrm>
            <a:off x="3395107" y="3609257"/>
            <a:ext cx="2442990" cy="94500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sp>
        <p:nvSpPr>
          <p:cNvPr id="18" name="Hexagon 37"/>
          <p:cNvSpPr/>
          <p:nvPr/>
        </p:nvSpPr>
        <p:spPr>
          <a:xfrm>
            <a:off x="0" y="744926"/>
            <a:ext cx="499221" cy="790575"/>
          </a:xfrm>
          <a:custGeom>
            <a:avLst/>
            <a:gdLst>
              <a:gd name="connsiteX0" fmla="*/ 0 w 1035356"/>
              <a:gd name="connsiteY0" fmla="*/ 446274 h 892548"/>
              <a:gd name="connsiteX1" fmla="*/ 247263 w 1035356"/>
              <a:gd name="connsiteY1" fmla="*/ 0 h 892548"/>
              <a:gd name="connsiteX2" fmla="*/ 788093 w 1035356"/>
              <a:gd name="connsiteY2" fmla="*/ 0 h 892548"/>
              <a:gd name="connsiteX3" fmla="*/ 1035356 w 1035356"/>
              <a:gd name="connsiteY3" fmla="*/ 446274 h 892548"/>
              <a:gd name="connsiteX4" fmla="*/ 788093 w 1035356"/>
              <a:gd name="connsiteY4" fmla="*/ 892548 h 892548"/>
              <a:gd name="connsiteX5" fmla="*/ 247263 w 1035356"/>
              <a:gd name="connsiteY5" fmla="*/ 892548 h 892548"/>
              <a:gd name="connsiteX6" fmla="*/ 0 w 1035356"/>
              <a:gd name="connsiteY6" fmla="*/ 446274 h 892548"/>
              <a:gd name="connsiteX0" fmla="*/ 0 w 788093"/>
              <a:gd name="connsiteY0" fmla="*/ 892548 h 892548"/>
              <a:gd name="connsiteX1" fmla="*/ 0 w 788093"/>
              <a:gd name="connsiteY1" fmla="*/ 0 h 892548"/>
              <a:gd name="connsiteX2" fmla="*/ 540830 w 788093"/>
              <a:gd name="connsiteY2" fmla="*/ 0 h 892548"/>
              <a:gd name="connsiteX3" fmla="*/ 788093 w 788093"/>
              <a:gd name="connsiteY3" fmla="*/ 446274 h 892548"/>
              <a:gd name="connsiteX4" fmla="*/ 540830 w 788093"/>
              <a:gd name="connsiteY4" fmla="*/ 892548 h 892548"/>
              <a:gd name="connsiteX5" fmla="*/ 0 w 788093"/>
              <a:gd name="connsiteY5" fmla="*/ 892548 h 892548"/>
              <a:gd name="connsiteX0" fmla="*/ 0 w 832144"/>
              <a:gd name="connsiteY0" fmla="*/ 892548 h 892548"/>
              <a:gd name="connsiteX1" fmla="*/ 0 w 832144"/>
              <a:gd name="connsiteY1" fmla="*/ 0 h 892548"/>
              <a:gd name="connsiteX2" fmla="*/ 540830 w 832144"/>
              <a:gd name="connsiteY2" fmla="*/ 0 h 892548"/>
              <a:gd name="connsiteX3" fmla="*/ 832144 w 832144"/>
              <a:gd name="connsiteY3" fmla="*/ 452998 h 892548"/>
              <a:gd name="connsiteX4" fmla="*/ 540830 w 832144"/>
              <a:gd name="connsiteY4" fmla="*/ 892548 h 892548"/>
              <a:gd name="connsiteX5" fmla="*/ 0 w 832144"/>
              <a:gd name="connsiteY5" fmla="*/ 892548 h 8925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832144" h="892548">
                <a:moveTo>
                  <a:pt x="0" y="892548"/>
                </a:moveTo>
                <a:lnTo>
                  <a:pt x="0" y="0"/>
                </a:lnTo>
                <a:lnTo>
                  <a:pt x="540830" y="0"/>
                </a:lnTo>
                <a:lnTo>
                  <a:pt x="832144" y="452998"/>
                </a:lnTo>
                <a:lnTo>
                  <a:pt x="540830" y="892548"/>
                </a:lnTo>
                <a:lnTo>
                  <a:pt x="0" y="892548"/>
                </a:lnTo>
                <a:close/>
              </a:path>
            </a:pathLst>
          </a:custGeom>
          <a:solidFill>
            <a:srgbClr val="92D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pic>
        <p:nvPicPr>
          <p:cNvPr id="4" name="Рисунок 3" descr="two children using a computer&#10;"/>
          <p:cNvPicPr>
            <a:picLocks noGrp="1" noChangeAspect="1"/>
          </p:cNvPicPr>
          <p:nvPr>
            <p:ph type="pic" sz="quarter" idx="10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00" r="600"/>
          <a:stretch/>
        </p:blipFill>
        <p:spPr>
          <a:xfrm>
            <a:off x="743080" y="1736339"/>
            <a:ext cx="2455644" cy="1864112"/>
          </a:xfrm>
        </p:spPr>
      </p:pic>
      <p:pic>
        <p:nvPicPr>
          <p:cNvPr id="9" name="Рисунок 8" descr="Children happy behind a laptop&#10;"/>
          <p:cNvPicPr>
            <a:picLocks noGrp="1" noChangeAspect="1"/>
          </p:cNvPicPr>
          <p:nvPr>
            <p:ph type="pic" sz="quarter" idx="11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15" r="6315"/>
          <a:stretch/>
        </p:blipFill>
        <p:spPr>
          <a:xfrm>
            <a:off x="3395107" y="1736339"/>
            <a:ext cx="2442989" cy="1864112"/>
          </a:xfrm>
        </p:spPr>
      </p:pic>
      <p:pic>
        <p:nvPicPr>
          <p:cNvPr id="12" name="Рисунок 11" descr="applications on a mobile device&#10;"/>
          <p:cNvPicPr>
            <a:picLocks noGrp="1" noChangeAspect="1"/>
          </p:cNvPicPr>
          <p:nvPr>
            <p:ph type="pic" sz="quarter" idx="12"/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580" r="7580"/>
          <a:stretch/>
        </p:blipFill>
        <p:spPr>
          <a:xfrm>
            <a:off x="5981777" y="1736339"/>
            <a:ext cx="2376000" cy="1864112"/>
          </a:xfrm>
        </p:spPr>
      </p:pic>
      <p:pic>
        <p:nvPicPr>
          <p:cNvPr id="20" name="Picture 19">
            <a:extLst>
              <a:ext uri="{FF2B5EF4-FFF2-40B4-BE49-F238E27FC236}">
                <a16:creationId xmlns:a16="http://schemas.microsoft.com/office/drawing/2014/main" id="{5E3845F8-DE04-6579-1116-1CD2CD0D2626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4786" y="5949192"/>
            <a:ext cx="705991" cy="70599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7887761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10"/>
    </mc:Choice>
    <mc:Fallback>
      <p:transition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" name="Rectangle 1">
            <a:extLst>
              <a:ext uri="{FF2B5EF4-FFF2-40B4-BE49-F238E27FC236}">
                <a16:creationId xmlns:a16="http://schemas.microsoft.com/office/drawing/2014/main" id="{434886D6-2E0B-32B0-3AB7-6395ED7FD7F6}"/>
              </a:ext>
            </a:extLst>
          </p:cNvPr>
          <p:cNvSpPr/>
          <p:nvPr/>
        </p:nvSpPr>
        <p:spPr>
          <a:xfrm>
            <a:off x="5529263" y="0"/>
            <a:ext cx="3621882" cy="6858000"/>
          </a:xfrm>
          <a:prstGeom prst="rect">
            <a:avLst/>
          </a:prstGeom>
          <a:solidFill>
            <a:srgbClr val="F9FCF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350"/>
          </a:p>
        </p:txBody>
      </p:sp>
      <p:sp>
        <p:nvSpPr>
          <p:cNvPr id="40" name="Text 5"/>
          <p:cNvSpPr>
            <a:spLocks noGrp="1"/>
          </p:cNvSpPr>
          <p:nvPr>
            <p:ph type="body" sz="quarter" idx="16"/>
          </p:nvPr>
        </p:nvSpPr>
        <p:spPr>
          <a:xfrm>
            <a:off x="743080" y="2041662"/>
            <a:ext cx="4510018" cy="2899615"/>
          </a:xfrm>
        </p:spPr>
        <p:txBody>
          <a:bodyPr/>
          <a:lstStyle/>
          <a:p>
            <a:pPr marL="171450" indent="-171450" algn="just">
              <a:buFont typeface="Arial" panose="020B0604020202020204" pitchFamily="34" charset="0"/>
              <a:buChar char="•"/>
            </a:pPr>
            <a:r>
              <a:rPr lang="en-US" dirty="0"/>
              <a:t>Enhances collaboration and team building.</a:t>
            </a:r>
          </a:p>
          <a:p>
            <a:pPr marL="171450" indent="-171450" algn="just">
              <a:buFont typeface="Arial" panose="020B0604020202020204" pitchFamily="34" charset="0"/>
              <a:buChar char="•"/>
            </a:pPr>
            <a:r>
              <a:rPr lang="en-US" dirty="0"/>
              <a:t>It prepares students for the future of work.</a:t>
            </a:r>
          </a:p>
          <a:p>
            <a:pPr marL="171450" indent="-171450" algn="just">
              <a:buFont typeface="Arial" panose="020B0604020202020204" pitchFamily="34" charset="0"/>
              <a:buChar char="•"/>
            </a:pPr>
            <a:r>
              <a:rPr lang="en-US" dirty="0"/>
              <a:t>Students get to know how to use digital tools to solve societal problems.</a:t>
            </a:r>
          </a:p>
          <a:p>
            <a:pPr marL="171450" indent="-171450" algn="just">
              <a:buFont typeface="Arial" panose="020B0604020202020204" pitchFamily="34" charset="0"/>
              <a:buChar char="•"/>
            </a:pPr>
            <a:r>
              <a:rPr lang="en-US" dirty="0"/>
              <a:t>Students have the ability to search the web for solutions.</a:t>
            </a:r>
          </a:p>
          <a:p>
            <a:pPr algn="just"/>
            <a:endParaRPr lang="en-US" dirty="0"/>
          </a:p>
        </p:txBody>
      </p:sp>
      <p:sp>
        <p:nvSpPr>
          <p:cNvPr id="11" name="Title 10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2800" dirty="0"/>
              <a:t>Importance </a:t>
            </a:r>
            <a:endParaRPr lang="ru-RU" sz="2800" dirty="0"/>
          </a:p>
        </p:txBody>
      </p:sp>
      <p:sp>
        <p:nvSpPr>
          <p:cNvPr id="3" name="Text 2"/>
          <p:cNvSpPr>
            <a:spLocks noGrp="1"/>
          </p:cNvSpPr>
          <p:nvPr>
            <p:ph type="body" idx="22"/>
          </p:nvPr>
        </p:nvSpPr>
        <p:spPr/>
        <p:txBody>
          <a:bodyPr/>
          <a:lstStyle/>
          <a:p>
            <a:r>
              <a:rPr lang="en-US" sz="1000" dirty="0"/>
              <a:t>CHAPTER</a:t>
            </a:r>
            <a:r>
              <a:rPr lang="ru-RU" sz="1000" dirty="0"/>
              <a:t> </a:t>
            </a:r>
            <a:r>
              <a:rPr lang="en-US" sz="1000" dirty="0"/>
              <a:t>4</a:t>
            </a:r>
            <a:endParaRPr lang="ru-RU" sz="1000" dirty="0"/>
          </a:p>
        </p:txBody>
      </p:sp>
      <p:sp>
        <p:nvSpPr>
          <p:cNvPr id="18" name="Hexagon 37"/>
          <p:cNvSpPr/>
          <p:nvPr/>
        </p:nvSpPr>
        <p:spPr>
          <a:xfrm>
            <a:off x="0" y="744926"/>
            <a:ext cx="499221" cy="790575"/>
          </a:xfrm>
          <a:custGeom>
            <a:avLst/>
            <a:gdLst>
              <a:gd name="connsiteX0" fmla="*/ 0 w 1035356"/>
              <a:gd name="connsiteY0" fmla="*/ 446274 h 892548"/>
              <a:gd name="connsiteX1" fmla="*/ 247263 w 1035356"/>
              <a:gd name="connsiteY1" fmla="*/ 0 h 892548"/>
              <a:gd name="connsiteX2" fmla="*/ 788093 w 1035356"/>
              <a:gd name="connsiteY2" fmla="*/ 0 h 892548"/>
              <a:gd name="connsiteX3" fmla="*/ 1035356 w 1035356"/>
              <a:gd name="connsiteY3" fmla="*/ 446274 h 892548"/>
              <a:gd name="connsiteX4" fmla="*/ 788093 w 1035356"/>
              <a:gd name="connsiteY4" fmla="*/ 892548 h 892548"/>
              <a:gd name="connsiteX5" fmla="*/ 247263 w 1035356"/>
              <a:gd name="connsiteY5" fmla="*/ 892548 h 892548"/>
              <a:gd name="connsiteX6" fmla="*/ 0 w 1035356"/>
              <a:gd name="connsiteY6" fmla="*/ 446274 h 892548"/>
              <a:gd name="connsiteX0" fmla="*/ 0 w 788093"/>
              <a:gd name="connsiteY0" fmla="*/ 892548 h 892548"/>
              <a:gd name="connsiteX1" fmla="*/ 0 w 788093"/>
              <a:gd name="connsiteY1" fmla="*/ 0 h 892548"/>
              <a:gd name="connsiteX2" fmla="*/ 540830 w 788093"/>
              <a:gd name="connsiteY2" fmla="*/ 0 h 892548"/>
              <a:gd name="connsiteX3" fmla="*/ 788093 w 788093"/>
              <a:gd name="connsiteY3" fmla="*/ 446274 h 892548"/>
              <a:gd name="connsiteX4" fmla="*/ 540830 w 788093"/>
              <a:gd name="connsiteY4" fmla="*/ 892548 h 892548"/>
              <a:gd name="connsiteX5" fmla="*/ 0 w 788093"/>
              <a:gd name="connsiteY5" fmla="*/ 892548 h 892548"/>
              <a:gd name="connsiteX0" fmla="*/ 0 w 832144"/>
              <a:gd name="connsiteY0" fmla="*/ 892548 h 892548"/>
              <a:gd name="connsiteX1" fmla="*/ 0 w 832144"/>
              <a:gd name="connsiteY1" fmla="*/ 0 h 892548"/>
              <a:gd name="connsiteX2" fmla="*/ 540830 w 832144"/>
              <a:gd name="connsiteY2" fmla="*/ 0 h 892548"/>
              <a:gd name="connsiteX3" fmla="*/ 832144 w 832144"/>
              <a:gd name="connsiteY3" fmla="*/ 452998 h 892548"/>
              <a:gd name="connsiteX4" fmla="*/ 540830 w 832144"/>
              <a:gd name="connsiteY4" fmla="*/ 892548 h 892548"/>
              <a:gd name="connsiteX5" fmla="*/ 0 w 832144"/>
              <a:gd name="connsiteY5" fmla="*/ 892548 h 8925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832144" h="892548">
                <a:moveTo>
                  <a:pt x="0" y="892548"/>
                </a:moveTo>
                <a:lnTo>
                  <a:pt x="0" y="0"/>
                </a:lnTo>
                <a:lnTo>
                  <a:pt x="540830" y="0"/>
                </a:lnTo>
                <a:lnTo>
                  <a:pt x="832144" y="452998"/>
                </a:lnTo>
                <a:lnTo>
                  <a:pt x="540830" y="892548"/>
                </a:lnTo>
                <a:lnTo>
                  <a:pt x="0" y="892548"/>
                </a:lnTo>
                <a:close/>
              </a:path>
            </a:pathLst>
          </a:custGeom>
          <a:solidFill>
            <a:srgbClr val="92D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5E3845F8-DE04-6579-1116-1CD2CD0D2626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4786" y="5949192"/>
            <a:ext cx="705991" cy="70599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32" name="Picture 31">
            <a:extLst>
              <a:ext uri="{FF2B5EF4-FFF2-40B4-BE49-F238E27FC236}">
                <a16:creationId xmlns:a16="http://schemas.microsoft.com/office/drawing/2014/main" id="{D71DF4BD-4A38-21AC-FE10-4D2AA58D4397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97247" y="375660"/>
            <a:ext cx="3044450" cy="960773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7447720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10"/>
    </mc:Choice>
    <mc:Fallback>
      <p:transition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82F2C87C-4454-124E-6F18-53F1134EC2C6}"/>
              </a:ext>
            </a:extLst>
          </p:cNvPr>
          <p:cNvSpPr/>
          <p:nvPr/>
        </p:nvSpPr>
        <p:spPr>
          <a:xfrm>
            <a:off x="689197" y="1679331"/>
            <a:ext cx="7795381" cy="4134483"/>
          </a:xfrm>
          <a:prstGeom prst="rect">
            <a:avLst/>
          </a:prstGeom>
          <a:solidFill>
            <a:srgbClr val="F9FCF5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2" name="Text 21"/>
          <p:cNvSpPr>
            <a:spLocks noGrp="1"/>
          </p:cNvSpPr>
          <p:nvPr>
            <p:ph type="body" sz="quarter" idx="18"/>
          </p:nvPr>
        </p:nvSpPr>
        <p:spPr>
          <a:xfrm>
            <a:off x="1615329" y="2680218"/>
            <a:ext cx="2808747" cy="337785"/>
          </a:xfrm>
        </p:spPr>
        <p:txBody>
          <a:bodyPr/>
          <a:lstStyle/>
          <a:p>
            <a:r>
              <a:rPr lang="en-US" dirty="0"/>
              <a:t>Takeaway</a:t>
            </a:r>
            <a:r>
              <a:rPr lang="ru-RU" dirty="0"/>
              <a:t> 1</a:t>
            </a:r>
          </a:p>
        </p:txBody>
      </p:sp>
      <p:sp>
        <p:nvSpPr>
          <p:cNvPr id="23" name="Text 22"/>
          <p:cNvSpPr>
            <a:spLocks noGrp="1"/>
          </p:cNvSpPr>
          <p:nvPr>
            <p:ph type="body" sz="quarter" idx="19"/>
          </p:nvPr>
        </p:nvSpPr>
        <p:spPr>
          <a:xfrm>
            <a:off x="1615330" y="3053245"/>
            <a:ext cx="2808747" cy="765594"/>
          </a:xfrm>
        </p:spPr>
        <p:txBody>
          <a:bodyPr/>
          <a:lstStyle/>
          <a:p>
            <a:r>
              <a:rPr lang="en-US" dirty="0"/>
              <a:t>In this brief course, you learned about Some digital tools to digitize your classroom . </a:t>
            </a:r>
          </a:p>
        </p:txBody>
      </p:sp>
      <p:sp>
        <p:nvSpPr>
          <p:cNvPr id="24" name="Title 23"/>
          <p:cNvSpPr>
            <a:spLocks noGrp="1"/>
          </p:cNvSpPr>
          <p:nvPr>
            <p:ph type="title" idx="20"/>
          </p:nvPr>
        </p:nvSpPr>
        <p:spPr/>
        <p:txBody>
          <a:bodyPr/>
          <a:lstStyle/>
          <a:p>
            <a:r>
              <a:rPr lang="en-US" sz="2800" dirty="0">
                <a:solidFill>
                  <a:srgbClr val="3B3B3B"/>
                </a:solidFill>
              </a:rPr>
              <a:t>Summary</a:t>
            </a:r>
            <a:endParaRPr lang="ru-RU" sz="2800" dirty="0">
              <a:solidFill>
                <a:srgbClr val="3B3B3B"/>
              </a:solidFill>
            </a:endParaRPr>
          </a:p>
        </p:txBody>
      </p:sp>
      <p:sp>
        <p:nvSpPr>
          <p:cNvPr id="25" name="Text 24"/>
          <p:cNvSpPr>
            <a:spLocks noGrp="1"/>
          </p:cNvSpPr>
          <p:nvPr>
            <p:ph type="body" sz="quarter" idx="21"/>
          </p:nvPr>
        </p:nvSpPr>
        <p:spPr>
          <a:xfrm>
            <a:off x="1615328" y="4290968"/>
            <a:ext cx="2808747" cy="337785"/>
          </a:xfrm>
        </p:spPr>
        <p:txBody>
          <a:bodyPr/>
          <a:lstStyle/>
          <a:p>
            <a:r>
              <a:rPr lang="en-US" dirty="0"/>
              <a:t>Takeaway</a:t>
            </a:r>
            <a:r>
              <a:rPr lang="ru-RU" dirty="0"/>
              <a:t> 2</a:t>
            </a:r>
          </a:p>
        </p:txBody>
      </p:sp>
      <p:sp>
        <p:nvSpPr>
          <p:cNvPr id="26" name="Text 25"/>
          <p:cNvSpPr>
            <a:spLocks noGrp="1"/>
          </p:cNvSpPr>
          <p:nvPr>
            <p:ph type="body" sz="quarter" idx="22"/>
          </p:nvPr>
        </p:nvSpPr>
        <p:spPr>
          <a:xfrm>
            <a:off x="1615329" y="4663995"/>
            <a:ext cx="2808747" cy="765594"/>
          </a:xfrm>
        </p:spPr>
        <p:txBody>
          <a:bodyPr/>
          <a:lstStyle/>
          <a:p>
            <a:r>
              <a:rPr lang="en-US" dirty="0"/>
              <a:t>Students learnt about some apps to make classroom very interactive.</a:t>
            </a:r>
          </a:p>
        </p:txBody>
      </p:sp>
      <p:sp>
        <p:nvSpPr>
          <p:cNvPr id="27" name="Text 26"/>
          <p:cNvSpPr>
            <a:spLocks noGrp="1"/>
          </p:cNvSpPr>
          <p:nvPr>
            <p:ph type="body" sz="quarter" idx="23"/>
          </p:nvPr>
        </p:nvSpPr>
        <p:spPr>
          <a:xfrm>
            <a:off x="5588574" y="4260311"/>
            <a:ext cx="2808747" cy="337785"/>
          </a:xfrm>
        </p:spPr>
        <p:txBody>
          <a:bodyPr/>
          <a:lstStyle/>
          <a:p>
            <a:r>
              <a:rPr lang="en-US" dirty="0"/>
              <a:t>Takeaway</a:t>
            </a:r>
            <a:r>
              <a:rPr lang="ru-RU" dirty="0"/>
              <a:t> 3</a:t>
            </a:r>
          </a:p>
        </p:txBody>
      </p:sp>
      <p:sp>
        <p:nvSpPr>
          <p:cNvPr id="28" name="Text 27"/>
          <p:cNvSpPr>
            <a:spLocks noGrp="1"/>
          </p:cNvSpPr>
          <p:nvPr>
            <p:ph type="body" sz="quarter" idx="24"/>
          </p:nvPr>
        </p:nvSpPr>
        <p:spPr>
          <a:xfrm>
            <a:off x="5588575" y="4633338"/>
            <a:ext cx="2808747" cy="765594"/>
          </a:xfrm>
        </p:spPr>
        <p:txBody>
          <a:bodyPr/>
          <a:lstStyle/>
          <a:p>
            <a:r>
              <a:rPr lang="en-US" dirty="0">
                <a:cs typeface="Segoe UI" panose="020B0502040204020203" pitchFamily="34" charset="0"/>
              </a:rPr>
              <a:t>Students get to know the importance of digital literacy.</a:t>
            </a:r>
          </a:p>
        </p:txBody>
      </p:sp>
      <p:sp>
        <p:nvSpPr>
          <p:cNvPr id="34" name="Text 33"/>
          <p:cNvSpPr>
            <a:spLocks noGrp="1"/>
          </p:cNvSpPr>
          <p:nvPr>
            <p:ph type="body" sz="quarter" idx="29"/>
          </p:nvPr>
        </p:nvSpPr>
        <p:spPr>
          <a:xfrm>
            <a:off x="5524876" y="2652964"/>
            <a:ext cx="2808747" cy="337785"/>
          </a:xfrm>
        </p:spPr>
        <p:txBody>
          <a:bodyPr/>
          <a:lstStyle/>
          <a:p>
            <a:r>
              <a:rPr lang="en-US" dirty="0"/>
              <a:t>Advance courses</a:t>
            </a:r>
            <a:endParaRPr lang="ru-RU" dirty="0"/>
          </a:p>
        </p:txBody>
      </p:sp>
      <p:sp>
        <p:nvSpPr>
          <p:cNvPr id="36" name="Text 35"/>
          <p:cNvSpPr>
            <a:spLocks noGrp="1"/>
          </p:cNvSpPr>
          <p:nvPr>
            <p:ph type="body" sz="quarter" idx="30"/>
          </p:nvPr>
        </p:nvSpPr>
        <p:spPr>
          <a:xfrm>
            <a:off x="5524876" y="3025991"/>
            <a:ext cx="2808747" cy="765594"/>
          </a:xfrm>
        </p:spPr>
        <p:txBody>
          <a:bodyPr/>
          <a:lstStyle/>
          <a:p>
            <a:r>
              <a:rPr lang="en-US" dirty="0">
                <a:cs typeface="Segoe UI" panose="020B0502040204020203" pitchFamily="34" charset="0"/>
              </a:rPr>
              <a:t>Kindly check out my advanced course </a:t>
            </a:r>
            <a:r>
              <a:rPr lang="en-US" dirty="0">
                <a:cs typeface="Segoe UI" panose="020B0502040204020203" pitchFamily="34" charset="0"/>
                <a:hlinkClick r:id="rId8"/>
              </a:rPr>
              <a:t>here</a:t>
            </a:r>
            <a:r>
              <a:rPr lang="en-US" dirty="0">
                <a:cs typeface="Segoe UI" panose="020B0502040204020203" pitchFamily="34" charset="0"/>
              </a:rPr>
              <a:t>.</a:t>
            </a:r>
          </a:p>
        </p:txBody>
      </p:sp>
      <p:sp>
        <p:nvSpPr>
          <p:cNvPr id="64" name="Oval 63"/>
          <p:cNvSpPr/>
          <p:nvPr/>
        </p:nvSpPr>
        <p:spPr>
          <a:xfrm>
            <a:off x="876630" y="4126082"/>
            <a:ext cx="675000" cy="674914"/>
          </a:xfrm>
          <a:prstGeom prst="ellipse">
            <a:avLst/>
          </a:prstGeom>
          <a:solidFill>
            <a:srgbClr val="F0F1F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grpSp>
        <p:nvGrpSpPr>
          <p:cNvPr id="46" name="Group 45"/>
          <p:cNvGrpSpPr/>
          <p:nvPr/>
        </p:nvGrpSpPr>
        <p:grpSpPr>
          <a:xfrm>
            <a:off x="4789604" y="2482759"/>
            <a:ext cx="675000" cy="674914"/>
            <a:chOff x="4875616" y="4470983"/>
            <a:chExt cx="675000" cy="674914"/>
          </a:xfrm>
        </p:grpSpPr>
        <p:sp>
          <p:nvSpPr>
            <p:cNvPr id="68" name="Oval 67"/>
            <p:cNvSpPr/>
            <p:nvPr/>
          </p:nvSpPr>
          <p:spPr>
            <a:xfrm>
              <a:off x="4875616" y="4470983"/>
              <a:ext cx="675000" cy="674914"/>
            </a:xfrm>
            <a:prstGeom prst="ellipse">
              <a:avLst/>
            </a:prstGeom>
            <a:solidFill>
              <a:srgbClr val="F0F1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ru-RU" sz="1350"/>
            </a:p>
          </p:txBody>
        </p:sp>
        <p:sp>
          <p:nvSpPr>
            <p:cNvPr id="57" name="Freeform 18"/>
            <p:cNvSpPr>
              <a:spLocks noChangeAspect="1" noEditPoints="1"/>
            </p:cNvSpPr>
            <p:nvPr>
              <p:custDataLst>
                <p:tags r:id="rId5"/>
              </p:custDataLst>
            </p:nvPr>
          </p:nvSpPr>
          <p:spPr bwMode="auto">
            <a:xfrm>
              <a:off x="5025600" y="4611870"/>
              <a:ext cx="378115" cy="363956"/>
            </a:xfrm>
            <a:custGeom>
              <a:avLst/>
              <a:gdLst>
                <a:gd name="T0" fmla="*/ 96 w 192"/>
                <a:gd name="T1" fmla="*/ 19 h 184"/>
                <a:gd name="T2" fmla="*/ 112 w 192"/>
                <a:gd name="T3" fmla="*/ 68 h 184"/>
                <a:gd name="T4" fmla="*/ 114 w 192"/>
                <a:gd name="T5" fmla="*/ 76 h 184"/>
                <a:gd name="T6" fmla="*/ 123 w 192"/>
                <a:gd name="T7" fmla="*/ 76 h 184"/>
                <a:gd name="T8" fmla="*/ 174 w 192"/>
                <a:gd name="T9" fmla="*/ 76 h 184"/>
                <a:gd name="T10" fmla="*/ 133 w 192"/>
                <a:gd name="T11" fmla="*/ 105 h 184"/>
                <a:gd name="T12" fmla="*/ 126 w 192"/>
                <a:gd name="T13" fmla="*/ 110 h 184"/>
                <a:gd name="T14" fmla="*/ 129 w 192"/>
                <a:gd name="T15" fmla="*/ 119 h 184"/>
                <a:gd name="T16" fmla="*/ 144 w 192"/>
                <a:gd name="T17" fmla="*/ 167 h 184"/>
                <a:gd name="T18" fmla="*/ 143 w 192"/>
                <a:gd name="T19" fmla="*/ 166 h 184"/>
                <a:gd name="T20" fmla="*/ 143 w 192"/>
                <a:gd name="T21" fmla="*/ 166 h 184"/>
                <a:gd name="T22" fmla="*/ 103 w 192"/>
                <a:gd name="T23" fmla="*/ 137 h 184"/>
                <a:gd name="T24" fmla="*/ 96 w 192"/>
                <a:gd name="T25" fmla="*/ 132 h 184"/>
                <a:gd name="T26" fmla="*/ 89 w 192"/>
                <a:gd name="T27" fmla="*/ 137 h 184"/>
                <a:gd name="T28" fmla="*/ 50 w 192"/>
                <a:gd name="T29" fmla="*/ 165 h 184"/>
                <a:gd name="T30" fmla="*/ 50 w 192"/>
                <a:gd name="T31" fmla="*/ 165 h 184"/>
                <a:gd name="T32" fmla="*/ 48 w 192"/>
                <a:gd name="T33" fmla="*/ 167 h 184"/>
                <a:gd name="T34" fmla="*/ 63 w 192"/>
                <a:gd name="T35" fmla="*/ 119 h 184"/>
                <a:gd name="T36" fmla="*/ 66 w 192"/>
                <a:gd name="T37" fmla="*/ 110 h 184"/>
                <a:gd name="T38" fmla="*/ 59 w 192"/>
                <a:gd name="T39" fmla="*/ 105 h 184"/>
                <a:gd name="T40" fmla="*/ 18 w 192"/>
                <a:gd name="T41" fmla="*/ 76 h 184"/>
                <a:gd name="T42" fmla="*/ 69 w 192"/>
                <a:gd name="T43" fmla="*/ 76 h 184"/>
                <a:gd name="T44" fmla="*/ 78 w 192"/>
                <a:gd name="T45" fmla="*/ 76 h 184"/>
                <a:gd name="T46" fmla="*/ 80 w 192"/>
                <a:gd name="T47" fmla="*/ 68 h 184"/>
                <a:gd name="T48" fmla="*/ 96 w 192"/>
                <a:gd name="T49" fmla="*/ 19 h 184"/>
                <a:gd name="T50" fmla="*/ 96 w 192"/>
                <a:gd name="T51" fmla="*/ 0 h 184"/>
                <a:gd name="T52" fmla="*/ 87 w 192"/>
                <a:gd name="T53" fmla="*/ 6 h 184"/>
                <a:gd name="T54" fmla="*/ 69 w 192"/>
                <a:gd name="T55" fmla="*/ 64 h 184"/>
                <a:gd name="T56" fmla="*/ 9 w 192"/>
                <a:gd name="T57" fmla="*/ 64 h 184"/>
                <a:gd name="T58" fmla="*/ 0 w 192"/>
                <a:gd name="T59" fmla="*/ 73 h 184"/>
                <a:gd name="T60" fmla="*/ 4 w 192"/>
                <a:gd name="T61" fmla="*/ 80 h 184"/>
                <a:gd name="T62" fmla="*/ 4 w 192"/>
                <a:gd name="T63" fmla="*/ 80 h 184"/>
                <a:gd name="T64" fmla="*/ 52 w 192"/>
                <a:gd name="T65" fmla="*/ 115 h 184"/>
                <a:gd name="T66" fmla="*/ 33 w 192"/>
                <a:gd name="T67" fmla="*/ 172 h 184"/>
                <a:gd name="T68" fmla="*/ 33 w 192"/>
                <a:gd name="T69" fmla="*/ 175 h 184"/>
                <a:gd name="T70" fmla="*/ 42 w 192"/>
                <a:gd name="T71" fmla="*/ 184 h 184"/>
                <a:gd name="T72" fmla="*/ 47 w 192"/>
                <a:gd name="T73" fmla="*/ 182 h 184"/>
                <a:gd name="T74" fmla="*/ 47 w 192"/>
                <a:gd name="T75" fmla="*/ 182 h 184"/>
                <a:gd name="T76" fmla="*/ 96 w 192"/>
                <a:gd name="T77" fmla="*/ 147 h 184"/>
                <a:gd name="T78" fmla="*/ 145 w 192"/>
                <a:gd name="T79" fmla="*/ 182 h 184"/>
                <a:gd name="T80" fmla="*/ 145 w 192"/>
                <a:gd name="T81" fmla="*/ 182 h 184"/>
                <a:gd name="T82" fmla="*/ 150 w 192"/>
                <a:gd name="T83" fmla="*/ 184 h 184"/>
                <a:gd name="T84" fmla="*/ 159 w 192"/>
                <a:gd name="T85" fmla="*/ 175 h 184"/>
                <a:gd name="T86" fmla="*/ 159 w 192"/>
                <a:gd name="T87" fmla="*/ 172 h 184"/>
                <a:gd name="T88" fmla="*/ 140 w 192"/>
                <a:gd name="T89" fmla="*/ 115 h 184"/>
                <a:gd name="T90" fmla="*/ 188 w 192"/>
                <a:gd name="T91" fmla="*/ 80 h 184"/>
                <a:gd name="T92" fmla="*/ 188 w 192"/>
                <a:gd name="T93" fmla="*/ 80 h 184"/>
                <a:gd name="T94" fmla="*/ 192 w 192"/>
                <a:gd name="T95" fmla="*/ 73 h 184"/>
                <a:gd name="T96" fmla="*/ 183 w 192"/>
                <a:gd name="T97" fmla="*/ 64 h 184"/>
                <a:gd name="T98" fmla="*/ 123 w 192"/>
                <a:gd name="T99" fmla="*/ 64 h 184"/>
                <a:gd name="T100" fmla="*/ 105 w 192"/>
                <a:gd name="T101" fmla="*/ 6 h 184"/>
                <a:gd name="T102" fmla="*/ 96 w 192"/>
                <a:gd name="T103" fmla="*/ 0 h 18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  <a:cxn ang="0">
                  <a:pos x="T102" y="T103"/>
                </a:cxn>
              </a:cxnLst>
              <a:rect l="0" t="0" r="r" b="b"/>
              <a:pathLst>
                <a:path w="192" h="184">
                  <a:moveTo>
                    <a:pt x="96" y="19"/>
                  </a:moveTo>
                  <a:cubicBezTo>
                    <a:pt x="112" y="68"/>
                    <a:pt x="112" y="68"/>
                    <a:pt x="112" y="68"/>
                  </a:cubicBezTo>
                  <a:cubicBezTo>
                    <a:pt x="114" y="76"/>
                    <a:pt x="114" y="76"/>
                    <a:pt x="114" y="76"/>
                  </a:cubicBezTo>
                  <a:cubicBezTo>
                    <a:pt x="123" y="76"/>
                    <a:pt x="123" y="76"/>
                    <a:pt x="123" y="76"/>
                  </a:cubicBezTo>
                  <a:cubicBezTo>
                    <a:pt x="174" y="76"/>
                    <a:pt x="174" y="76"/>
                    <a:pt x="174" y="76"/>
                  </a:cubicBezTo>
                  <a:cubicBezTo>
                    <a:pt x="133" y="105"/>
                    <a:pt x="133" y="105"/>
                    <a:pt x="133" y="105"/>
                  </a:cubicBezTo>
                  <a:cubicBezTo>
                    <a:pt x="126" y="110"/>
                    <a:pt x="126" y="110"/>
                    <a:pt x="126" y="110"/>
                  </a:cubicBezTo>
                  <a:cubicBezTo>
                    <a:pt x="129" y="119"/>
                    <a:pt x="129" y="119"/>
                    <a:pt x="129" y="119"/>
                  </a:cubicBezTo>
                  <a:cubicBezTo>
                    <a:pt x="144" y="167"/>
                    <a:pt x="144" y="167"/>
                    <a:pt x="144" y="167"/>
                  </a:cubicBezTo>
                  <a:cubicBezTo>
                    <a:pt x="143" y="166"/>
                    <a:pt x="143" y="166"/>
                    <a:pt x="143" y="166"/>
                  </a:cubicBezTo>
                  <a:cubicBezTo>
                    <a:pt x="143" y="166"/>
                    <a:pt x="143" y="166"/>
                    <a:pt x="143" y="166"/>
                  </a:cubicBezTo>
                  <a:cubicBezTo>
                    <a:pt x="103" y="137"/>
                    <a:pt x="103" y="137"/>
                    <a:pt x="103" y="137"/>
                  </a:cubicBezTo>
                  <a:cubicBezTo>
                    <a:pt x="96" y="132"/>
                    <a:pt x="96" y="132"/>
                    <a:pt x="96" y="132"/>
                  </a:cubicBezTo>
                  <a:cubicBezTo>
                    <a:pt x="89" y="137"/>
                    <a:pt x="89" y="137"/>
                    <a:pt x="89" y="137"/>
                  </a:cubicBezTo>
                  <a:cubicBezTo>
                    <a:pt x="50" y="165"/>
                    <a:pt x="50" y="165"/>
                    <a:pt x="50" y="165"/>
                  </a:cubicBezTo>
                  <a:cubicBezTo>
                    <a:pt x="50" y="165"/>
                    <a:pt x="50" y="165"/>
                    <a:pt x="50" y="165"/>
                  </a:cubicBezTo>
                  <a:cubicBezTo>
                    <a:pt x="48" y="167"/>
                    <a:pt x="48" y="167"/>
                    <a:pt x="48" y="167"/>
                  </a:cubicBezTo>
                  <a:cubicBezTo>
                    <a:pt x="63" y="119"/>
                    <a:pt x="63" y="119"/>
                    <a:pt x="63" y="119"/>
                  </a:cubicBezTo>
                  <a:cubicBezTo>
                    <a:pt x="66" y="110"/>
                    <a:pt x="66" y="110"/>
                    <a:pt x="66" y="110"/>
                  </a:cubicBezTo>
                  <a:cubicBezTo>
                    <a:pt x="59" y="105"/>
                    <a:pt x="59" y="105"/>
                    <a:pt x="59" y="105"/>
                  </a:cubicBezTo>
                  <a:cubicBezTo>
                    <a:pt x="18" y="76"/>
                    <a:pt x="18" y="76"/>
                    <a:pt x="18" y="76"/>
                  </a:cubicBezTo>
                  <a:cubicBezTo>
                    <a:pt x="69" y="76"/>
                    <a:pt x="69" y="76"/>
                    <a:pt x="69" y="76"/>
                  </a:cubicBezTo>
                  <a:cubicBezTo>
                    <a:pt x="78" y="76"/>
                    <a:pt x="78" y="76"/>
                    <a:pt x="78" y="76"/>
                  </a:cubicBezTo>
                  <a:cubicBezTo>
                    <a:pt x="80" y="68"/>
                    <a:pt x="80" y="68"/>
                    <a:pt x="80" y="68"/>
                  </a:cubicBezTo>
                  <a:cubicBezTo>
                    <a:pt x="96" y="19"/>
                    <a:pt x="96" y="19"/>
                    <a:pt x="96" y="19"/>
                  </a:cubicBezTo>
                  <a:moveTo>
                    <a:pt x="96" y="0"/>
                  </a:moveTo>
                  <a:cubicBezTo>
                    <a:pt x="92" y="0"/>
                    <a:pt x="89" y="3"/>
                    <a:pt x="87" y="6"/>
                  </a:cubicBezTo>
                  <a:cubicBezTo>
                    <a:pt x="69" y="64"/>
                    <a:pt x="69" y="64"/>
                    <a:pt x="69" y="64"/>
                  </a:cubicBezTo>
                  <a:cubicBezTo>
                    <a:pt x="9" y="64"/>
                    <a:pt x="9" y="64"/>
                    <a:pt x="9" y="64"/>
                  </a:cubicBezTo>
                  <a:cubicBezTo>
                    <a:pt x="4" y="64"/>
                    <a:pt x="0" y="68"/>
                    <a:pt x="0" y="73"/>
                  </a:cubicBezTo>
                  <a:cubicBezTo>
                    <a:pt x="0" y="76"/>
                    <a:pt x="1" y="79"/>
                    <a:pt x="4" y="80"/>
                  </a:cubicBezTo>
                  <a:cubicBezTo>
                    <a:pt x="4" y="80"/>
                    <a:pt x="4" y="80"/>
                    <a:pt x="4" y="80"/>
                  </a:cubicBezTo>
                  <a:cubicBezTo>
                    <a:pt x="52" y="115"/>
                    <a:pt x="52" y="115"/>
                    <a:pt x="52" y="115"/>
                  </a:cubicBezTo>
                  <a:cubicBezTo>
                    <a:pt x="33" y="172"/>
                    <a:pt x="33" y="172"/>
                    <a:pt x="33" y="172"/>
                  </a:cubicBezTo>
                  <a:cubicBezTo>
                    <a:pt x="33" y="173"/>
                    <a:pt x="33" y="174"/>
                    <a:pt x="33" y="175"/>
                  </a:cubicBezTo>
                  <a:cubicBezTo>
                    <a:pt x="33" y="180"/>
                    <a:pt x="37" y="184"/>
                    <a:pt x="42" y="184"/>
                  </a:cubicBezTo>
                  <a:cubicBezTo>
                    <a:pt x="44" y="184"/>
                    <a:pt x="46" y="183"/>
                    <a:pt x="47" y="182"/>
                  </a:cubicBezTo>
                  <a:cubicBezTo>
                    <a:pt x="47" y="182"/>
                    <a:pt x="47" y="182"/>
                    <a:pt x="47" y="182"/>
                  </a:cubicBezTo>
                  <a:cubicBezTo>
                    <a:pt x="96" y="147"/>
                    <a:pt x="96" y="147"/>
                    <a:pt x="96" y="147"/>
                  </a:cubicBezTo>
                  <a:cubicBezTo>
                    <a:pt x="145" y="182"/>
                    <a:pt x="145" y="182"/>
                    <a:pt x="145" y="182"/>
                  </a:cubicBezTo>
                  <a:cubicBezTo>
                    <a:pt x="145" y="182"/>
                    <a:pt x="145" y="182"/>
                    <a:pt x="145" y="182"/>
                  </a:cubicBezTo>
                  <a:cubicBezTo>
                    <a:pt x="146" y="183"/>
                    <a:pt x="148" y="184"/>
                    <a:pt x="150" y="184"/>
                  </a:cubicBezTo>
                  <a:cubicBezTo>
                    <a:pt x="155" y="184"/>
                    <a:pt x="159" y="180"/>
                    <a:pt x="159" y="175"/>
                  </a:cubicBezTo>
                  <a:cubicBezTo>
                    <a:pt x="159" y="174"/>
                    <a:pt x="159" y="173"/>
                    <a:pt x="159" y="172"/>
                  </a:cubicBezTo>
                  <a:cubicBezTo>
                    <a:pt x="140" y="115"/>
                    <a:pt x="140" y="115"/>
                    <a:pt x="140" y="115"/>
                  </a:cubicBezTo>
                  <a:cubicBezTo>
                    <a:pt x="188" y="80"/>
                    <a:pt x="188" y="80"/>
                    <a:pt x="188" y="80"/>
                  </a:cubicBezTo>
                  <a:cubicBezTo>
                    <a:pt x="188" y="80"/>
                    <a:pt x="188" y="80"/>
                    <a:pt x="188" y="80"/>
                  </a:cubicBezTo>
                  <a:cubicBezTo>
                    <a:pt x="191" y="79"/>
                    <a:pt x="192" y="76"/>
                    <a:pt x="192" y="73"/>
                  </a:cubicBezTo>
                  <a:cubicBezTo>
                    <a:pt x="192" y="68"/>
                    <a:pt x="188" y="64"/>
                    <a:pt x="183" y="64"/>
                  </a:cubicBezTo>
                  <a:cubicBezTo>
                    <a:pt x="123" y="64"/>
                    <a:pt x="123" y="64"/>
                    <a:pt x="123" y="64"/>
                  </a:cubicBezTo>
                  <a:cubicBezTo>
                    <a:pt x="105" y="6"/>
                    <a:pt x="105" y="6"/>
                    <a:pt x="105" y="6"/>
                  </a:cubicBezTo>
                  <a:cubicBezTo>
                    <a:pt x="103" y="3"/>
                    <a:pt x="100" y="0"/>
                    <a:pt x="96" y="0"/>
                  </a:cubicBezTo>
                  <a:close/>
                </a:path>
              </a:pathLst>
            </a:custGeom>
            <a:solidFill>
              <a:schemeClr val="bg2">
                <a:lumMod val="25000"/>
              </a:schemeClr>
            </a:solidFill>
            <a:ln>
              <a:noFill/>
            </a:ln>
          </p:spPr>
          <p:txBody>
            <a:bodyPr vert="horz" wrap="square" lIns="68580" tIns="34290" rIns="68580" bIns="34290" numCol="1" anchor="t" anchorCtr="0" compatLnSpc="1">
              <a:prstTxWarp prst="textNoShape">
                <a:avLst/>
              </a:prstTxWarp>
            </a:bodyPr>
            <a:lstStyle>
              <a:defPPr>
                <a:defRPr lang="ru-RU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endParaRPr lang="ru-RU" sz="1350"/>
            </a:p>
          </p:txBody>
        </p:sp>
      </p:grpSp>
      <p:grpSp>
        <p:nvGrpSpPr>
          <p:cNvPr id="38" name="Group 37"/>
          <p:cNvGrpSpPr/>
          <p:nvPr/>
        </p:nvGrpSpPr>
        <p:grpSpPr>
          <a:xfrm>
            <a:off x="878558" y="2525053"/>
            <a:ext cx="675000" cy="674914"/>
            <a:chOff x="720302" y="2127236"/>
            <a:chExt cx="675000" cy="674914"/>
          </a:xfrm>
        </p:grpSpPr>
        <p:sp>
          <p:nvSpPr>
            <p:cNvPr id="55" name="Oval 54"/>
            <p:cNvSpPr/>
            <p:nvPr/>
          </p:nvSpPr>
          <p:spPr>
            <a:xfrm>
              <a:off x="720302" y="2127236"/>
              <a:ext cx="675000" cy="674914"/>
            </a:xfrm>
            <a:prstGeom prst="ellipse">
              <a:avLst/>
            </a:prstGeom>
            <a:solidFill>
              <a:srgbClr val="F0F1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ru-RU" sz="1350"/>
            </a:p>
          </p:txBody>
        </p:sp>
        <p:sp>
          <p:nvSpPr>
            <p:cNvPr id="58" name="Freeform 20"/>
            <p:cNvSpPr>
              <a:spLocks noChangeAspect="1" noEditPoints="1"/>
            </p:cNvSpPr>
            <p:nvPr>
              <p:custDataLst>
                <p:tags r:id="rId4"/>
              </p:custDataLst>
            </p:nvPr>
          </p:nvSpPr>
          <p:spPr bwMode="auto">
            <a:xfrm>
              <a:off x="882415" y="2313670"/>
              <a:ext cx="362291" cy="363956"/>
            </a:xfrm>
            <a:custGeom>
              <a:avLst/>
              <a:gdLst>
                <a:gd name="T0" fmla="*/ 134 w 184"/>
                <a:gd name="T1" fmla="*/ 101 h 184"/>
                <a:gd name="T2" fmla="*/ 184 w 184"/>
                <a:gd name="T3" fmla="*/ 27 h 184"/>
                <a:gd name="T4" fmla="*/ 177 w 184"/>
                <a:gd name="T5" fmla="*/ 20 h 184"/>
                <a:gd name="T6" fmla="*/ 142 w 184"/>
                <a:gd name="T7" fmla="*/ 20 h 184"/>
                <a:gd name="T8" fmla="*/ 92 w 184"/>
                <a:gd name="T9" fmla="*/ 0 h 184"/>
                <a:gd name="T10" fmla="*/ 42 w 184"/>
                <a:gd name="T11" fmla="*/ 20 h 184"/>
                <a:gd name="T12" fmla="*/ 7 w 184"/>
                <a:gd name="T13" fmla="*/ 20 h 184"/>
                <a:gd name="T14" fmla="*/ 0 w 184"/>
                <a:gd name="T15" fmla="*/ 27 h 184"/>
                <a:gd name="T16" fmla="*/ 50 w 184"/>
                <a:gd name="T17" fmla="*/ 101 h 184"/>
                <a:gd name="T18" fmla="*/ 80 w 184"/>
                <a:gd name="T19" fmla="*/ 136 h 184"/>
                <a:gd name="T20" fmla="*/ 80 w 184"/>
                <a:gd name="T21" fmla="*/ 149 h 184"/>
                <a:gd name="T22" fmla="*/ 47 w 184"/>
                <a:gd name="T23" fmla="*/ 166 h 184"/>
                <a:gd name="T24" fmla="*/ 92 w 184"/>
                <a:gd name="T25" fmla="*/ 184 h 184"/>
                <a:gd name="T26" fmla="*/ 137 w 184"/>
                <a:gd name="T27" fmla="*/ 166 h 184"/>
                <a:gd name="T28" fmla="*/ 104 w 184"/>
                <a:gd name="T29" fmla="*/ 149 h 184"/>
                <a:gd name="T30" fmla="*/ 104 w 184"/>
                <a:gd name="T31" fmla="*/ 136 h 184"/>
                <a:gd name="T32" fmla="*/ 134 w 184"/>
                <a:gd name="T33" fmla="*/ 101 h 184"/>
                <a:gd name="T34" fmla="*/ 144 w 184"/>
                <a:gd name="T35" fmla="*/ 32 h 184"/>
                <a:gd name="T36" fmla="*/ 172 w 184"/>
                <a:gd name="T37" fmla="*/ 32 h 184"/>
                <a:gd name="T38" fmla="*/ 131 w 184"/>
                <a:gd name="T39" fmla="*/ 91 h 184"/>
                <a:gd name="T40" fmla="*/ 144 w 184"/>
                <a:gd name="T41" fmla="*/ 32 h 184"/>
                <a:gd name="T42" fmla="*/ 92 w 184"/>
                <a:gd name="T43" fmla="*/ 12 h 184"/>
                <a:gd name="T44" fmla="*/ 92 w 184"/>
                <a:gd name="T45" fmla="*/ 12 h 184"/>
                <a:gd name="T46" fmla="*/ 131 w 184"/>
                <a:gd name="T47" fmla="*/ 28 h 184"/>
                <a:gd name="T48" fmla="*/ 92 w 184"/>
                <a:gd name="T49" fmla="*/ 43 h 184"/>
                <a:gd name="T50" fmla="*/ 53 w 184"/>
                <a:gd name="T51" fmla="*/ 28 h 184"/>
                <a:gd name="T52" fmla="*/ 92 w 184"/>
                <a:gd name="T53" fmla="*/ 12 h 184"/>
                <a:gd name="T54" fmla="*/ 12 w 184"/>
                <a:gd name="T55" fmla="*/ 32 h 184"/>
                <a:gd name="T56" fmla="*/ 40 w 184"/>
                <a:gd name="T57" fmla="*/ 32 h 184"/>
                <a:gd name="T58" fmla="*/ 53 w 184"/>
                <a:gd name="T59" fmla="*/ 91 h 184"/>
                <a:gd name="T60" fmla="*/ 12 w 184"/>
                <a:gd name="T61" fmla="*/ 32 h 184"/>
                <a:gd name="T62" fmla="*/ 103 w 184"/>
                <a:gd name="T63" fmla="*/ 160 h 184"/>
                <a:gd name="T64" fmla="*/ 126 w 184"/>
                <a:gd name="T65" fmla="*/ 166 h 184"/>
                <a:gd name="T66" fmla="*/ 92 w 184"/>
                <a:gd name="T67" fmla="*/ 172 h 184"/>
                <a:gd name="T68" fmla="*/ 58 w 184"/>
                <a:gd name="T69" fmla="*/ 166 h 184"/>
                <a:gd name="T70" fmla="*/ 81 w 184"/>
                <a:gd name="T71" fmla="*/ 160 h 184"/>
                <a:gd name="T72" fmla="*/ 92 w 184"/>
                <a:gd name="T73" fmla="*/ 158 h 184"/>
                <a:gd name="T74" fmla="*/ 92 w 184"/>
                <a:gd name="T75" fmla="*/ 136 h 184"/>
                <a:gd name="T76" fmla="*/ 73 w 184"/>
                <a:gd name="T77" fmla="*/ 102 h 184"/>
                <a:gd name="T78" fmla="*/ 62 w 184"/>
                <a:gd name="T79" fmla="*/ 80 h 184"/>
                <a:gd name="T80" fmla="*/ 53 w 184"/>
                <a:gd name="T81" fmla="*/ 46 h 184"/>
                <a:gd name="T82" fmla="*/ 92 w 184"/>
                <a:gd name="T83" fmla="*/ 55 h 184"/>
                <a:gd name="T84" fmla="*/ 131 w 184"/>
                <a:gd name="T85" fmla="*/ 46 h 184"/>
                <a:gd name="T86" fmla="*/ 122 w 184"/>
                <a:gd name="T87" fmla="*/ 80 h 184"/>
                <a:gd name="T88" fmla="*/ 111 w 184"/>
                <a:gd name="T89" fmla="*/ 102 h 184"/>
                <a:gd name="T90" fmla="*/ 92 w 184"/>
                <a:gd name="T91" fmla="*/ 136 h 184"/>
                <a:gd name="T92" fmla="*/ 92 w 184"/>
                <a:gd name="T93" fmla="*/ 158 h 184"/>
                <a:gd name="T94" fmla="*/ 103 w 184"/>
                <a:gd name="T95" fmla="*/ 160 h 18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</a:cxnLst>
              <a:rect l="0" t="0" r="r" b="b"/>
              <a:pathLst>
                <a:path w="184" h="184">
                  <a:moveTo>
                    <a:pt x="134" y="101"/>
                  </a:moveTo>
                  <a:cubicBezTo>
                    <a:pt x="156" y="87"/>
                    <a:pt x="184" y="70"/>
                    <a:pt x="184" y="27"/>
                  </a:cubicBezTo>
                  <a:cubicBezTo>
                    <a:pt x="184" y="23"/>
                    <a:pt x="181" y="20"/>
                    <a:pt x="177" y="20"/>
                  </a:cubicBezTo>
                  <a:cubicBezTo>
                    <a:pt x="142" y="20"/>
                    <a:pt x="142" y="20"/>
                    <a:pt x="142" y="20"/>
                  </a:cubicBezTo>
                  <a:cubicBezTo>
                    <a:pt x="137" y="11"/>
                    <a:pt x="122" y="0"/>
                    <a:pt x="92" y="0"/>
                  </a:cubicBezTo>
                  <a:cubicBezTo>
                    <a:pt x="62" y="0"/>
                    <a:pt x="47" y="11"/>
                    <a:pt x="42" y="20"/>
                  </a:cubicBezTo>
                  <a:cubicBezTo>
                    <a:pt x="7" y="20"/>
                    <a:pt x="7" y="20"/>
                    <a:pt x="7" y="20"/>
                  </a:cubicBezTo>
                  <a:cubicBezTo>
                    <a:pt x="3" y="20"/>
                    <a:pt x="0" y="23"/>
                    <a:pt x="0" y="27"/>
                  </a:cubicBezTo>
                  <a:cubicBezTo>
                    <a:pt x="0" y="70"/>
                    <a:pt x="28" y="87"/>
                    <a:pt x="50" y="101"/>
                  </a:cubicBezTo>
                  <a:cubicBezTo>
                    <a:pt x="69" y="113"/>
                    <a:pt x="80" y="121"/>
                    <a:pt x="80" y="136"/>
                  </a:cubicBezTo>
                  <a:cubicBezTo>
                    <a:pt x="80" y="149"/>
                    <a:pt x="80" y="149"/>
                    <a:pt x="80" y="149"/>
                  </a:cubicBezTo>
                  <a:cubicBezTo>
                    <a:pt x="61" y="151"/>
                    <a:pt x="47" y="158"/>
                    <a:pt x="47" y="166"/>
                  </a:cubicBezTo>
                  <a:cubicBezTo>
                    <a:pt x="47" y="176"/>
                    <a:pt x="67" y="184"/>
                    <a:pt x="92" y="184"/>
                  </a:cubicBezTo>
                  <a:cubicBezTo>
                    <a:pt x="117" y="184"/>
                    <a:pt x="137" y="176"/>
                    <a:pt x="137" y="166"/>
                  </a:cubicBezTo>
                  <a:cubicBezTo>
                    <a:pt x="137" y="158"/>
                    <a:pt x="123" y="151"/>
                    <a:pt x="104" y="149"/>
                  </a:cubicBezTo>
                  <a:cubicBezTo>
                    <a:pt x="104" y="136"/>
                    <a:pt x="104" y="136"/>
                    <a:pt x="104" y="136"/>
                  </a:cubicBezTo>
                  <a:cubicBezTo>
                    <a:pt x="104" y="121"/>
                    <a:pt x="115" y="113"/>
                    <a:pt x="134" y="101"/>
                  </a:cubicBezTo>
                  <a:close/>
                  <a:moveTo>
                    <a:pt x="144" y="32"/>
                  </a:moveTo>
                  <a:cubicBezTo>
                    <a:pt x="172" y="32"/>
                    <a:pt x="172" y="32"/>
                    <a:pt x="172" y="32"/>
                  </a:cubicBezTo>
                  <a:cubicBezTo>
                    <a:pt x="171" y="63"/>
                    <a:pt x="148" y="79"/>
                    <a:pt x="131" y="91"/>
                  </a:cubicBezTo>
                  <a:cubicBezTo>
                    <a:pt x="137" y="79"/>
                    <a:pt x="143" y="56"/>
                    <a:pt x="144" y="32"/>
                  </a:cubicBezTo>
                  <a:close/>
                  <a:moveTo>
                    <a:pt x="92" y="12"/>
                  </a:moveTo>
                  <a:cubicBezTo>
                    <a:pt x="92" y="12"/>
                    <a:pt x="92" y="12"/>
                    <a:pt x="92" y="12"/>
                  </a:cubicBezTo>
                  <a:cubicBezTo>
                    <a:pt x="120" y="12"/>
                    <a:pt x="131" y="23"/>
                    <a:pt x="131" y="28"/>
                  </a:cubicBezTo>
                  <a:cubicBezTo>
                    <a:pt x="131" y="32"/>
                    <a:pt x="120" y="43"/>
                    <a:pt x="92" y="43"/>
                  </a:cubicBezTo>
                  <a:cubicBezTo>
                    <a:pt x="64" y="43"/>
                    <a:pt x="53" y="32"/>
                    <a:pt x="53" y="28"/>
                  </a:cubicBezTo>
                  <a:cubicBezTo>
                    <a:pt x="53" y="23"/>
                    <a:pt x="64" y="12"/>
                    <a:pt x="92" y="12"/>
                  </a:cubicBezTo>
                  <a:close/>
                  <a:moveTo>
                    <a:pt x="12" y="32"/>
                  </a:moveTo>
                  <a:cubicBezTo>
                    <a:pt x="40" y="32"/>
                    <a:pt x="40" y="32"/>
                    <a:pt x="40" y="32"/>
                  </a:cubicBezTo>
                  <a:cubicBezTo>
                    <a:pt x="41" y="56"/>
                    <a:pt x="47" y="79"/>
                    <a:pt x="53" y="91"/>
                  </a:cubicBezTo>
                  <a:cubicBezTo>
                    <a:pt x="36" y="79"/>
                    <a:pt x="13" y="63"/>
                    <a:pt x="12" y="32"/>
                  </a:cubicBezTo>
                  <a:close/>
                  <a:moveTo>
                    <a:pt x="103" y="160"/>
                  </a:moveTo>
                  <a:cubicBezTo>
                    <a:pt x="113" y="161"/>
                    <a:pt x="122" y="164"/>
                    <a:pt x="126" y="166"/>
                  </a:cubicBezTo>
                  <a:cubicBezTo>
                    <a:pt x="121" y="169"/>
                    <a:pt x="107" y="172"/>
                    <a:pt x="92" y="172"/>
                  </a:cubicBezTo>
                  <a:cubicBezTo>
                    <a:pt x="77" y="172"/>
                    <a:pt x="63" y="169"/>
                    <a:pt x="58" y="166"/>
                  </a:cubicBezTo>
                  <a:cubicBezTo>
                    <a:pt x="62" y="164"/>
                    <a:pt x="71" y="161"/>
                    <a:pt x="81" y="160"/>
                  </a:cubicBezTo>
                  <a:cubicBezTo>
                    <a:pt x="92" y="158"/>
                    <a:pt x="92" y="158"/>
                    <a:pt x="92" y="158"/>
                  </a:cubicBezTo>
                  <a:cubicBezTo>
                    <a:pt x="92" y="136"/>
                    <a:pt x="92" y="136"/>
                    <a:pt x="92" y="136"/>
                  </a:cubicBezTo>
                  <a:cubicBezTo>
                    <a:pt x="92" y="121"/>
                    <a:pt x="84" y="111"/>
                    <a:pt x="73" y="102"/>
                  </a:cubicBezTo>
                  <a:cubicBezTo>
                    <a:pt x="62" y="80"/>
                    <a:pt x="62" y="80"/>
                    <a:pt x="62" y="80"/>
                  </a:cubicBezTo>
                  <a:cubicBezTo>
                    <a:pt x="58" y="70"/>
                    <a:pt x="55" y="59"/>
                    <a:pt x="53" y="46"/>
                  </a:cubicBezTo>
                  <a:cubicBezTo>
                    <a:pt x="62" y="51"/>
                    <a:pt x="75" y="55"/>
                    <a:pt x="92" y="55"/>
                  </a:cubicBezTo>
                  <a:cubicBezTo>
                    <a:pt x="109" y="55"/>
                    <a:pt x="122" y="51"/>
                    <a:pt x="131" y="46"/>
                  </a:cubicBezTo>
                  <a:cubicBezTo>
                    <a:pt x="129" y="59"/>
                    <a:pt x="126" y="70"/>
                    <a:pt x="122" y="80"/>
                  </a:cubicBezTo>
                  <a:cubicBezTo>
                    <a:pt x="111" y="102"/>
                    <a:pt x="111" y="102"/>
                    <a:pt x="111" y="102"/>
                  </a:cubicBezTo>
                  <a:cubicBezTo>
                    <a:pt x="100" y="111"/>
                    <a:pt x="92" y="121"/>
                    <a:pt x="92" y="136"/>
                  </a:cubicBezTo>
                  <a:cubicBezTo>
                    <a:pt x="92" y="158"/>
                    <a:pt x="92" y="158"/>
                    <a:pt x="92" y="158"/>
                  </a:cubicBezTo>
                  <a:lnTo>
                    <a:pt x="103" y="160"/>
                  </a:lnTo>
                  <a:close/>
                </a:path>
              </a:pathLst>
            </a:custGeom>
            <a:solidFill>
              <a:schemeClr val="bg2">
                <a:lumMod val="25000"/>
              </a:schemeClr>
            </a:solidFill>
            <a:ln>
              <a:noFill/>
            </a:ln>
          </p:spPr>
          <p:txBody>
            <a:bodyPr vert="horz" wrap="square" lIns="68580" tIns="34290" rIns="68580" bIns="34290" numCol="1" anchor="t" anchorCtr="0" compatLnSpc="1">
              <a:prstTxWarp prst="textNoShape">
                <a:avLst/>
              </a:prstTxWarp>
            </a:bodyPr>
            <a:lstStyle>
              <a:defPPr>
                <a:defRPr lang="ru-RU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endParaRPr lang="ru-RU" sz="1350"/>
            </a:p>
          </p:txBody>
        </p:sp>
      </p:grpSp>
      <p:grpSp>
        <p:nvGrpSpPr>
          <p:cNvPr id="42" name="Group 41"/>
          <p:cNvGrpSpPr/>
          <p:nvPr/>
        </p:nvGrpSpPr>
        <p:grpSpPr>
          <a:xfrm>
            <a:off x="4849876" y="4090106"/>
            <a:ext cx="675000" cy="674914"/>
            <a:chOff x="718374" y="4470983"/>
            <a:chExt cx="675000" cy="674914"/>
          </a:xfrm>
        </p:grpSpPr>
        <p:sp>
          <p:nvSpPr>
            <p:cNvPr id="65" name="Oval 64"/>
            <p:cNvSpPr/>
            <p:nvPr/>
          </p:nvSpPr>
          <p:spPr>
            <a:xfrm>
              <a:off x="718374" y="4470983"/>
              <a:ext cx="675000" cy="674914"/>
            </a:xfrm>
            <a:prstGeom prst="ellipse">
              <a:avLst/>
            </a:prstGeom>
            <a:solidFill>
              <a:srgbClr val="F0F1F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ru-RU" sz="1350"/>
            </a:p>
          </p:txBody>
        </p:sp>
        <p:sp>
          <p:nvSpPr>
            <p:cNvPr id="62" name="Freeform 37"/>
            <p:cNvSpPr>
              <a:spLocks noChangeAspect="1" noEditPoints="1"/>
            </p:cNvSpPr>
            <p:nvPr>
              <p:custDataLst>
                <p:tags r:id="rId3"/>
              </p:custDataLst>
            </p:nvPr>
          </p:nvSpPr>
          <p:spPr bwMode="auto">
            <a:xfrm>
              <a:off x="872570" y="4604574"/>
              <a:ext cx="378115" cy="363956"/>
            </a:xfrm>
            <a:custGeom>
              <a:avLst/>
              <a:gdLst>
                <a:gd name="T0" fmla="*/ 95 w 192"/>
                <a:gd name="T1" fmla="*/ 108 h 184"/>
                <a:gd name="T2" fmla="*/ 95 w 192"/>
                <a:gd name="T3" fmla="*/ 131 h 184"/>
                <a:gd name="T4" fmla="*/ 192 w 192"/>
                <a:gd name="T5" fmla="*/ 42 h 184"/>
                <a:gd name="T6" fmla="*/ 177 w 192"/>
                <a:gd name="T7" fmla="*/ 28 h 184"/>
                <a:gd name="T8" fmla="*/ 177 w 192"/>
                <a:gd name="T9" fmla="*/ 40 h 184"/>
                <a:gd name="T10" fmla="*/ 180 w 192"/>
                <a:gd name="T11" fmla="*/ 94 h 184"/>
                <a:gd name="T12" fmla="*/ 122 w 192"/>
                <a:gd name="T13" fmla="*/ 101 h 184"/>
                <a:gd name="T14" fmla="*/ 69 w 192"/>
                <a:gd name="T15" fmla="*/ 101 h 184"/>
                <a:gd name="T16" fmla="*/ 12 w 192"/>
                <a:gd name="T17" fmla="*/ 42 h 184"/>
                <a:gd name="T18" fmla="*/ 15 w 192"/>
                <a:gd name="T19" fmla="*/ 40 h 184"/>
                <a:gd name="T20" fmla="*/ 177 w 192"/>
                <a:gd name="T21" fmla="*/ 28 h 184"/>
                <a:gd name="T22" fmla="*/ 128 w 192"/>
                <a:gd name="T23" fmla="*/ 13 h 184"/>
                <a:gd name="T24" fmla="*/ 78 w 192"/>
                <a:gd name="T25" fmla="*/ 0 h 184"/>
                <a:gd name="T26" fmla="*/ 64 w 192"/>
                <a:gd name="T27" fmla="*/ 28 h 184"/>
                <a:gd name="T28" fmla="*/ 0 w 192"/>
                <a:gd name="T29" fmla="*/ 42 h 184"/>
                <a:gd name="T30" fmla="*/ 3 w 192"/>
                <a:gd name="T31" fmla="*/ 102 h 184"/>
                <a:gd name="T32" fmla="*/ 5 w 192"/>
                <a:gd name="T33" fmla="*/ 102 h 184"/>
                <a:gd name="T34" fmla="*/ 95 w 192"/>
                <a:gd name="T35" fmla="*/ 100 h 184"/>
                <a:gd name="T36" fmla="*/ 182 w 192"/>
                <a:gd name="T37" fmla="*/ 106 h 184"/>
                <a:gd name="T38" fmla="*/ 192 w 192"/>
                <a:gd name="T39" fmla="*/ 99 h 184"/>
                <a:gd name="T40" fmla="*/ 76 w 192"/>
                <a:gd name="T41" fmla="*/ 13 h 184"/>
                <a:gd name="T42" fmla="*/ 114 w 192"/>
                <a:gd name="T43" fmla="*/ 12 h 184"/>
                <a:gd name="T44" fmla="*/ 116 w 192"/>
                <a:gd name="T45" fmla="*/ 28 h 184"/>
                <a:gd name="T46" fmla="*/ 76 w 192"/>
                <a:gd name="T47" fmla="*/ 13 h 184"/>
                <a:gd name="T48" fmla="*/ 172 w 192"/>
                <a:gd name="T49" fmla="*/ 131 h 184"/>
                <a:gd name="T50" fmla="*/ 167 w 192"/>
                <a:gd name="T51" fmla="*/ 172 h 184"/>
                <a:gd name="T52" fmla="*/ 20 w 192"/>
                <a:gd name="T53" fmla="*/ 168 h 184"/>
                <a:gd name="T54" fmla="*/ 20 w 192"/>
                <a:gd name="T55" fmla="*/ 131 h 184"/>
                <a:gd name="T56" fmla="*/ 8 w 192"/>
                <a:gd name="T57" fmla="*/ 115 h 184"/>
                <a:gd name="T58" fmla="*/ 25 w 192"/>
                <a:gd name="T59" fmla="*/ 184 h 184"/>
                <a:gd name="T60" fmla="*/ 184 w 192"/>
                <a:gd name="T61" fmla="*/ 168 h 184"/>
                <a:gd name="T62" fmla="*/ 172 w 192"/>
                <a:gd name="T63" fmla="*/ 119 h 18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</a:cxnLst>
              <a:rect l="0" t="0" r="r" b="b"/>
              <a:pathLst>
                <a:path w="192" h="184">
                  <a:moveTo>
                    <a:pt x="108" y="119"/>
                  </a:moveTo>
                  <a:cubicBezTo>
                    <a:pt x="108" y="113"/>
                    <a:pt x="102" y="108"/>
                    <a:pt x="95" y="108"/>
                  </a:cubicBezTo>
                  <a:cubicBezTo>
                    <a:pt x="89" y="108"/>
                    <a:pt x="83" y="113"/>
                    <a:pt x="83" y="119"/>
                  </a:cubicBezTo>
                  <a:cubicBezTo>
                    <a:pt x="83" y="126"/>
                    <a:pt x="89" y="131"/>
                    <a:pt x="95" y="131"/>
                  </a:cubicBezTo>
                  <a:cubicBezTo>
                    <a:pt x="102" y="131"/>
                    <a:pt x="108" y="126"/>
                    <a:pt x="108" y="119"/>
                  </a:cubicBezTo>
                  <a:close/>
                  <a:moveTo>
                    <a:pt x="192" y="42"/>
                  </a:moveTo>
                  <a:cubicBezTo>
                    <a:pt x="192" y="34"/>
                    <a:pt x="185" y="28"/>
                    <a:pt x="177" y="28"/>
                  </a:cubicBezTo>
                  <a:cubicBezTo>
                    <a:pt x="177" y="28"/>
                    <a:pt x="177" y="28"/>
                    <a:pt x="177" y="28"/>
                  </a:cubicBezTo>
                  <a:cubicBezTo>
                    <a:pt x="177" y="39"/>
                    <a:pt x="177" y="39"/>
                    <a:pt x="177" y="39"/>
                  </a:cubicBezTo>
                  <a:cubicBezTo>
                    <a:pt x="177" y="40"/>
                    <a:pt x="177" y="40"/>
                    <a:pt x="177" y="40"/>
                  </a:cubicBezTo>
                  <a:cubicBezTo>
                    <a:pt x="179" y="40"/>
                    <a:pt x="180" y="41"/>
                    <a:pt x="180" y="42"/>
                  </a:cubicBezTo>
                  <a:cubicBezTo>
                    <a:pt x="180" y="55"/>
                    <a:pt x="180" y="80"/>
                    <a:pt x="180" y="94"/>
                  </a:cubicBezTo>
                  <a:cubicBezTo>
                    <a:pt x="180" y="94"/>
                    <a:pt x="179" y="94"/>
                    <a:pt x="179" y="94"/>
                  </a:cubicBezTo>
                  <a:cubicBezTo>
                    <a:pt x="162" y="98"/>
                    <a:pt x="140" y="100"/>
                    <a:pt x="122" y="101"/>
                  </a:cubicBezTo>
                  <a:cubicBezTo>
                    <a:pt x="116" y="93"/>
                    <a:pt x="106" y="88"/>
                    <a:pt x="95" y="88"/>
                  </a:cubicBezTo>
                  <a:cubicBezTo>
                    <a:pt x="85" y="88"/>
                    <a:pt x="75" y="93"/>
                    <a:pt x="69" y="101"/>
                  </a:cubicBezTo>
                  <a:cubicBezTo>
                    <a:pt x="42" y="99"/>
                    <a:pt x="20" y="94"/>
                    <a:pt x="12" y="92"/>
                  </a:cubicBezTo>
                  <a:cubicBezTo>
                    <a:pt x="12" y="79"/>
                    <a:pt x="12" y="54"/>
                    <a:pt x="12" y="42"/>
                  </a:cubicBezTo>
                  <a:cubicBezTo>
                    <a:pt x="12" y="42"/>
                    <a:pt x="12" y="41"/>
                    <a:pt x="13" y="41"/>
                  </a:cubicBezTo>
                  <a:cubicBezTo>
                    <a:pt x="13" y="41"/>
                    <a:pt x="14" y="40"/>
                    <a:pt x="15" y="40"/>
                  </a:cubicBezTo>
                  <a:cubicBezTo>
                    <a:pt x="177" y="40"/>
                    <a:pt x="177" y="40"/>
                    <a:pt x="177" y="40"/>
                  </a:cubicBezTo>
                  <a:cubicBezTo>
                    <a:pt x="177" y="28"/>
                    <a:pt x="177" y="28"/>
                    <a:pt x="177" y="28"/>
                  </a:cubicBezTo>
                  <a:cubicBezTo>
                    <a:pt x="128" y="28"/>
                    <a:pt x="128" y="28"/>
                    <a:pt x="128" y="28"/>
                  </a:cubicBezTo>
                  <a:cubicBezTo>
                    <a:pt x="128" y="23"/>
                    <a:pt x="128" y="14"/>
                    <a:pt x="128" y="13"/>
                  </a:cubicBezTo>
                  <a:cubicBezTo>
                    <a:pt x="128" y="6"/>
                    <a:pt x="121" y="0"/>
                    <a:pt x="114" y="0"/>
                  </a:cubicBezTo>
                  <a:cubicBezTo>
                    <a:pt x="102" y="0"/>
                    <a:pt x="92" y="0"/>
                    <a:pt x="78" y="0"/>
                  </a:cubicBezTo>
                  <a:cubicBezTo>
                    <a:pt x="71" y="0"/>
                    <a:pt x="65" y="5"/>
                    <a:pt x="64" y="11"/>
                  </a:cubicBezTo>
                  <a:cubicBezTo>
                    <a:pt x="64" y="13"/>
                    <a:pt x="64" y="23"/>
                    <a:pt x="64" y="28"/>
                  </a:cubicBezTo>
                  <a:cubicBezTo>
                    <a:pt x="15" y="28"/>
                    <a:pt x="15" y="28"/>
                    <a:pt x="15" y="28"/>
                  </a:cubicBezTo>
                  <a:cubicBezTo>
                    <a:pt x="7" y="28"/>
                    <a:pt x="0" y="34"/>
                    <a:pt x="0" y="42"/>
                  </a:cubicBezTo>
                  <a:cubicBezTo>
                    <a:pt x="0" y="57"/>
                    <a:pt x="0" y="87"/>
                    <a:pt x="0" y="100"/>
                  </a:cubicBezTo>
                  <a:cubicBezTo>
                    <a:pt x="3" y="102"/>
                    <a:pt x="3" y="102"/>
                    <a:pt x="3" y="102"/>
                  </a:cubicBezTo>
                  <a:cubicBezTo>
                    <a:pt x="3" y="102"/>
                    <a:pt x="3" y="102"/>
                    <a:pt x="4" y="102"/>
                  </a:cubicBezTo>
                  <a:cubicBezTo>
                    <a:pt x="5" y="102"/>
                    <a:pt x="5" y="102"/>
                    <a:pt x="5" y="102"/>
                  </a:cubicBezTo>
                  <a:cubicBezTo>
                    <a:pt x="12" y="105"/>
                    <a:pt x="39" y="112"/>
                    <a:pt x="76" y="114"/>
                  </a:cubicBezTo>
                  <a:cubicBezTo>
                    <a:pt x="78" y="106"/>
                    <a:pt x="86" y="100"/>
                    <a:pt x="95" y="100"/>
                  </a:cubicBezTo>
                  <a:cubicBezTo>
                    <a:pt x="105" y="100"/>
                    <a:pt x="113" y="106"/>
                    <a:pt x="115" y="114"/>
                  </a:cubicBezTo>
                  <a:cubicBezTo>
                    <a:pt x="134" y="113"/>
                    <a:pt x="159" y="110"/>
                    <a:pt x="182" y="106"/>
                  </a:cubicBezTo>
                  <a:cubicBezTo>
                    <a:pt x="185" y="105"/>
                    <a:pt x="188" y="104"/>
                    <a:pt x="191" y="103"/>
                  </a:cubicBezTo>
                  <a:cubicBezTo>
                    <a:pt x="192" y="103"/>
                    <a:pt x="192" y="100"/>
                    <a:pt x="192" y="99"/>
                  </a:cubicBezTo>
                  <a:cubicBezTo>
                    <a:pt x="192" y="86"/>
                    <a:pt x="192" y="57"/>
                    <a:pt x="192" y="42"/>
                  </a:cubicBezTo>
                  <a:close/>
                  <a:moveTo>
                    <a:pt x="76" y="13"/>
                  </a:moveTo>
                  <a:cubicBezTo>
                    <a:pt x="76" y="12"/>
                    <a:pt x="77" y="12"/>
                    <a:pt x="78" y="12"/>
                  </a:cubicBezTo>
                  <a:cubicBezTo>
                    <a:pt x="92" y="12"/>
                    <a:pt x="102" y="12"/>
                    <a:pt x="114" y="12"/>
                  </a:cubicBezTo>
                  <a:cubicBezTo>
                    <a:pt x="115" y="12"/>
                    <a:pt x="116" y="13"/>
                    <a:pt x="116" y="14"/>
                  </a:cubicBezTo>
                  <a:cubicBezTo>
                    <a:pt x="116" y="15"/>
                    <a:pt x="116" y="24"/>
                    <a:pt x="116" y="28"/>
                  </a:cubicBezTo>
                  <a:cubicBezTo>
                    <a:pt x="76" y="28"/>
                    <a:pt x="76" y="28"/>
                    <a:pt x="76" y="28"/>
                  </a:cubicBezTo>
                  <a:cubicBezTo>
                    <a:pt x="76" y="24"/>
                    <a:pt x="76" y="14"/>
                    <a:pt x="76" y="13"/>
                  </a:cubicBezTo>
                  <a:close/>
                  <a:moveTo>
                    <a:pt x="172" y="131"/>
                  </a:moveTo>
                  <a:cubicBezTo>
                    <a:pt x="172" y="131"/>
                    <a:pt x="172" y="131"/>
                    <a:pt x="172" y="131"/>
                  </a:cubicBezTo>
                  <a:cubicBezTo>
                    <a:pt x="172" y="168"/>
                    <a:pt x="172" y="168"/>
                    <a:pt x="172" y="168"/>
                  </a:cubicBezTo>
                  <a:cubicBezTo>
                    <a:pt x="172" y="170"/>
                    <a:pt x="170" y="172"/>
                    <a:pt x="167" y="172"/>
                  </a:cubicBezTo>
                  <a:cubicBezTo>
                    <a:pt x="25" y="172"/>
                    <a:pt x="25" y="172"/>
                    <a:pt x="25" y="172"/>
                  </a:cubicBezTo>
                  <a:cubicBezTo>
                    <a:pt x="22" y="172"/>
                    <a:pt x="20" y="170"/>
                    <a:pt x="20" y="168"/>
                  </a:cubicBezTo>
                  <a:cubicBezTo>
                    <a:pt x="20" y="131"/>
                    <a:pt x="20" y="131"/>
                    <a:pt x="20" y="131"/>
                  </a:cubicBezTo>
                  <a:cubicBezTo>
                    <a:pt x="20" y="131"/>
                    <a:pt x="20" y="131"/>
                    <a:pt x="20" y="131"/>
                  </a:cubicBezTo>
                  <a:cubicBezTo>
                    <a:pt x="20" y="118"/>
                    <a:pt x="20" y="118"/>
                    <a:pt x="20" y="118"/>
                  </a:cubicBezTo>
                  <a:cubicBezTo>
                    <a:pt x="15" y="117"/>
                    <a:pt x="11" y="116"/>
                    <a:pt x="8" y="115"/>
                  </a:cubicBezTo>
                  <a:cubicBezTo>
                    <a:pt x="8" y="168"/>
                    <a:pt x="8" y="168"/>
                    <a:pt x="8" y="168"/>
                  </a:cubicBezTo>
                  <a:cubicBezTo>
                    <a:pt x="8" y="177"/>
                    <a:pt x="16" y="184"/>
                    <a:pt x="25" y="184"/>
                  </a:cubicBezTo>
                  <a:cubicBezTo>
                    <a:pt x="167" y="184"/>
                    <a:pt x="167" y="184"/>
                    <a:pt x="167" y="184"/>
                  </a:cubicBezTo>
                  <a:cubicBezTo>
                    <a:pt x="176" y="184"/>
                    <a:pt x="184" y="177"/>
                    <a:pt x="184" y="168"/>
                  </a:cubicBezTo>
                  <a:cubicBezTo>
                    <a:pt x="184" y="117"/>
                    <a:pt x="184" y="117"/>
                    <a:pt x="184" y="117"/>
                  </a:cubicBezTo>
                  <a:cubicBezTo>
                    <a:pt x="180" y="118"/>
                    <a:pt x="176" y="118"/>
                    <a:pt x="172" y="119"/>
                  </a:cubicBezTo>
                  <a:lnTo>
                    <a:pt x="172" y="131"/>
                  </a:lnTo>
                  <a:close/>
                </a:path>
              </a:pathLst>
            </a:custGeom>
            <a:solidFill>
              <a:schemeClr val="bg2">
                <a:lumMod val="25000"/>
              </a:schemeClr>
            </a:solidFill>
            <a:ln>
              <a:noFill/>
            </a:ln>
          </p:spPr>
          <p:txBody>
            <a:bodyPr vert="horz" wrap="square" lIns="68580" tIns="34290" rIns="68580" bIns="34290" numCol="1" anchor="t" anchorCtr="0" compatLnSpc="1">
              <a:prstTxWarp prst="textNoShape">
                <a:avLst/>
              </a:prstTxWarp>
            </a:bodyPr>
            <a:lstStyle>
              <a:defPPr>
                <a:defRPr lang="ru-RU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endParaRPr lang="ru-RU" sz="1350"/>
            </a:p>
          </p:txBody>
        </p:sp>
      </p:grpSp>
      <p:sp>
        <p:nvSpPr>
          <p:cNvPr id="69" name="Hexagon 37"/>
          <p:cNvSpPr/>
          <p:nvPr/>
        </p:nvSpPr>
        <p:spPr>
          <a:xfrm>
            <a:off x="0" y="744926"/>
            <a:ext cx="499221" cy="790575"/>
          </a:xfrm>
          <a:custGeom>
            <a:avLst/>
            <a:gdLst>
              <a:gd name="connsiteX0" fmla="*/ 0 w 1035356"/>
              <a:gd name="connsiteY0" fmla="*/ 446274 h 892548"/>
              <a:gd name="connsiteX1" fmla="*/ 247263 w 1035356"/>
              <a:gd name="connsiteY1" fmla="*/ 0 h 892548"/>
              <a:gd name="connsiteX2" fmla="*/ 788093 w 1035356"/>
              <a:gd name="connsiteY2" fmla="*/ 0 h 892548"/>
              <a:gd name="connsiteX3" fmla="*/ 1035356 w 1035356"/>
              <a:gd name="connsiteY3" fmla="*/ 446274 h 892548"/>
              <a:gd name="connsiteX4" fmla="*/ 788093 w 1035356"/>
              <a:gd name="connsiteY4" fmla="*/ 892548 h 892548"/>
              <a:gd name="connsiteX5" fmla="*/ 247263 w 1035356"/>
              <a:gd name="connsiteY5" fmla="*/ 892548 h 892548"/>
              <a:gd name="connsiteX6" fmla="*/ 0 w 1035356"/>
              <a:gd name="connsiteY6" fmla="*/ 446274 h 892548"/>
              <a:gd name="connsiteX0" fmla="*/ 0 w 788093"/>
              <a:gd name="connsiteY0" fmla="*/ 892548 h 892548"/>
              <a:gd name="connsiteX1" fmla="*/ 0 w 788093"/>
              <a:gd name="connsiteY1" fmla="*/ 0 h 892548"/>
              <a:gd name="connsiteX2" fmla="*/ 540830 w 788093"/>
              <a:gd name="connsiteY2" fmla="*/ 0 h 892548"/>
              <a:gd name="connsiteX3" fmla="*/ 788093 w 788093"/>
              <a:gd name="connsiteY3" fmla="*/ 446274 h 892548"/>
              <a:gd name="connsiteX4" fmla="*/ 540830 w 788093"/>
              <a:gd name="connsiteY4" fmla="*/ 892548 h 892548"/>
              <a:gd name="connsiteX5" fmla="*/ 0 w 788093"/>
              <a:gd name="connsiteY5" fmla="*/ 892548 h 892548"/>
              <a:gd name="connsiteX0" fmla="*/ 0 w 832144"/>
              <a:gd name="connsiteY0" fmla="*/ 892548 h 892548"/>
              <a:gd name="connsiteX1" fmla="*/ 0 w 832144"/>
              <a:gd name="connsiteY1" fmla="*/ 0 h 892548"/>
              <a:gd name="connsiteX2" fmla="*/ 540830 w 832144"/>
              <a:gd name="connsiteY2" fmla="*/ 0 h 892548"/>
              <a:gd name="connsiteX3" fmla="*/ 832144 w 832144"/>
              <a:gd name="connsiteY3" fmla="*/ 452998 h 892548"/>
              <a:gd name="connsiteX4" fmla="*/ 540830 w 832144"/>
              <a:gd name="connsiteY4" fmla="*/ 892548 h 892548"/>
              <a:gd name="connsiteX5" fmla="*/ 0 w 832144"/>
              <a:gd name="connsiteY5" fmla="*/ 892548 h 8925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832144" h="892548">
                <a:moveTo>
                  <a:pt x="0" y="892548"/>
                </a:moveTo>
                <a:lnTo>
                  <a:pt x="0" y="0"/>
                </a:lnTo>
                <a:lnTo>
                  <a:pt x="540830" y="0"/>
                </a:lnTo>
                <a:lnTo>
                  <a:pt x="832144" y="452998"/>
                </a:lnTo>
                <a:lnTo>
                  <a:pt x="540830" y="892548"/>
                </a:lnTo>
                <a:lnTo>
                  <a:pt x="0" y="892548"/>
                </a:lnTo>
                <a:close/>
              </a:path>
            </a:pathLst>
          </a:custGeom>
          <a:solidFill>
            <a:srgbClr val="92D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68580" tIns="34290" rIns="68580" bIns="3429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 sz="1350"/>
          </a:p>
        </p:txBody>
      </p:sp>
      <p:pic>
        <p:nvPicPr>
          <p:cNvPr id="43" name="Picture 42">
            <a:extLst>
              <a:ext uri="{FF2B5EF4-FFF2-40B4-BE49-F238E27FC236}">
                <a16:creationId xmlns:a16="http://schemas.microsoft.com/office/drawing/2014/main" id="{EDC0C3A7-3D08-A63C-207D-EBB655094323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4786" y="5949192"/>
            <a:ext cx="705991" cy="70599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4" name="Рисунок 40">
            <a:extLst>
              <a:ext uri="{FF2B5EF4-FFF2-40B4-BE49-F238E27FC236}">
                <a16:creationId xmlns:a16="http://schemas.microsoft.com/office/drawing/2014/main" id="{EA5AA0EE-6355-4AD1-BE04-ED7561CF4D6D}"/>
              </a:ext>
            </a:extLst>
          </p:cNvPr>
          <p:cNvSpPr/>
          <p:nvPr>
            <p:custDataLst>
              <p:tags r:id="rId2"/>
            </p:custDataLst>
          </p:nvPr>
        </p:nvSpPr>
        <p:spPr>
          <a:xfrm>
            <a:off x="979126" y="4232489"/>
            <a:ext cx="475200" cy="338400"/>
          </a:xfrm>
          <a:custGeom>
            <a:avLst/>
            <a:gdLst>
              <a:gd name="connsiteX0" fmla="*/ 368462 w 475200"/>
              <a:gd name="connsiteY0" fmla="*/ 1815 h 338400"/>
              <a:gd name="connsiteX1" fmla="*/ 383439 w 475200"/>
              <a:gd name="connsiteY1" fmla="*/ 4810 h 338400"/>
              <a:gd name="connsiteX2" fmla="*/ 385189 w 475200"/>
              <a:gd name="connsiteY2" fmla="*/ 7347 h 338400"/>
              <a:gd name="connsiteX3" fmla="*/ 389465 w 475200"/>
              <a:gd name="connsiteY3" fmla="*/ 13664 h 338400"/>
              <a:gd name="connsiteX4" fmla="*/ 395207 w 475200"/>
              <a:gd name="connsiteY4" fmla="*/ 26429 h 338400"/>
              <a:gd name="connsiteX5" fmla="*/ 393923 w 475200"/>
              <a:gd name="connsiteY5" fmla="*/ 43547 h 338400"/>
              <a:gd name="connsiteX6" fmla="*/ 380933 w 475200"/>
              <a:gd name="connsiteY6" fmla="*/ 59041 h 338400"/>
              <a:gd name="connsiteX7" fmla="*/ 374453 w 475200"/>
              <a:gd name="connsiteY7" fmla="*/ 68851 h 338400"/>
              <a:gd name="connsiteX8" fmla="*/ 382090 w 475200"/>
              <a:gd name="connsiteY8" fmla="*/ 82364 h 338400"/>
              <a:gd name="connsiteX9" fmla="*/ 382090 w 475200"/>
              <a:gd name="connsiteY9" fmla="*/ 97638 h 338400"/>
              <a:gd name="connsiteX10" fmla="*/ 366816 w 475200"/>
              <a:gd name="connsiteY10" fmla="*/ 97638 h 338400"/>
              <a:gd name="connsiteX11" fmla="*/ 352853 w 475200"/>
              <a:gd name="connsiteY11" fmla="*/ 68851 h 338400"/>
              <a:gd name="connsiteX12" fmla="*/ 367973 w 475200"/>
              <a:gd name="connsiteY12" fmla="*/ 41761 h 338400"/>
              <a:gd name="connsiteX13" fmla="*/ 374018 w 475200"/>
              <a:gd name="connsiteY13" fmla="*/ 35160 h 338400"/>
              <a:gd name="connsiteX14" fmla="*/ 374219 w 475200"/>
              <a:gd name="connsiteY14" fmla="*/ 31534 h 338400"/>
              <a:gd name="connsiteX15" fmla="*/ 371186 w 475200"/>
              <a:gd name="connsiteY15" fmla="*/ 25173 h 338400"/>
              <a:gd name="connsiteX16" fmla="*/ 368146 w 475200"/>
              <a:gd name="connsiteY16" fmla="*/ 20676 h 338400"/>
              <a:gd name="connsiteX17" fmla="*/ 368146 w 475200"/>
              <a:gd name="connsiteY17" fmla="*/ 20676 h 338400"/>
              <a:gd name="connsiteX18" fmla="*/ 368145 w 475200"/>
              <a:gd name="connsiteY18" fmla="*/ 20675 h 338400"/>
              <a:gd name="connsiteX19" fmla="*/ 365467 w 475200"/>
              <a:gd name="connsiteY19" fmla="*/ 16792 h 338400"/>
              <a:gd name="connsiteX20" fmla="*/ 368462 w 475200"/>
              <a:gd name="connsiteY20" fmla="*/ 1815 h 338400"/>
              <a:gd name="connsiteX21" fmla="*/ 247622 w 475200"/>
              <a:gd name="connsiteY21" fmla="*/ 126039 h 338400"/>
              <a:gd name="connsiteX22" fmla="*/ 287639 w 475200"/>
              <a:gd name="connsiteY22" fmla="*/ 282776 h 338400"/>
              <a:gd name="connsiteX23" fmla="*/ 289732 w 475200"/>
              <a:gd name="connsiteY23" fmla="*/ 284401 h 338400"/>
              <a:gd name="connsiteX24" fmla="*/ 340790 w 475200"/>
              <a:gd name="connsiteY24" fmla="*/ 284401 h 338400"/>
              <a:gd name="connsiteX25" fmla="*/ 342939 w 475200"/>
              <a:gd name="connsiteY25" fmla="*/ 282015 h 338400"/>
              <a:gd name="connsiteX26" fmla="*/ 335690 w 475200"/>
              <a:gd name="connsiteY26" fmla="*/ 213155 h 338400"/>
              <a:gd name="connsiteX27" fmla="*/ 335650 w 475200"/>
              <a:gd name="connsiteY27" fmla="*/ 212309 h 338400"/>
              <a:gd name="connsiteX28" fmla="*/ 335030 w 475200"/>
              <a:gd name="connsiteY28" fmla="*/ 206777 h 338400"/>
              <a:gd name="connsiteX29" fmla="*/ 335354 w 475200"/>
              <a:gd name="connsiteY29" fmla="*/ 203697 h 338400"/>
              <a:gd name="connsiteX30" fmla="*/ 344012 w 475200"/>
              <a:gd name="connsiteY30" fmla="*/ 177725 h 338400"/>
              <a:gd name="connsiteX31" fmla="*/ 350842 w 475200"/>
              <a:gd name="connsiteY31" fmla="*/ 172801 h 338400"/>
              <a:gd name="connsiteX32" fmla="*/ 434064 w 475200"/>
              <a:gd name="connsiteY32" fmla="*/ 172801 h 338400"/>
              <a:gd name="connsiteX33" fmla="*/ 440894 w 475200"/>
              <a:gd name="connsiteY33" fmla="*/ 177725 h 338400"/>
              <a:gd name="connsiteX34" fmla="*/ 449552 w 475200"/>
              <a:gd name="connsiteY34" fmla="*/ 203700 h 338400"/>
              <a:gd name="connsiteX35" fmla="*/ 449878 w 475200"/>
              <a:gd name="connsiteY35" fmla="*/ 206775 h 338400"/>
              <a:gd name="connsiteX36" fmla="*/ 449256 w 475200"/>
              <a:gd name="connsiteY36" fmla="*/ 212342 h 338400"/>
              <a:gd name="connsiteX37" fmla="*/ 449216 w 475200"/>
              <a:gd name="connsiteY37" fmla="*/ 213155 h 338400"/>
              <a:gd name="connsiteX38" fmla="*/ 438178 w 475200"/>
              <a:gd name="connsiteY38" fmla="*/ 318015 h 338400"/>
              <a:gd name="connsiteX39" fmla="*/ 440326 w 475200"/>
              <a:gd name="connsiteY39" fmla="*/ 320401 h 338400"/>
              <a:gd name="connsiteX40" fmla="*/ 468053 w 475200"/>
              <a:gd name="connsiteY40" fmla="*/ 320401 h 338400"/>
              <a:gd name="connsiteX41" fmla="*/ 478853 w 475200"/>
              <a:gd name="connsiteY41" fmla="*/ 331201 h 338400"/>
              <a:gd name="connsiteX42" fmla="*/ 468053 w 475200"/>
              <a:gd name="connsiteY42" fmla="*/ 342001 h 338400"/>
              <a:gd name="connsiteX43" fmla="*/ 435653 w 475200"/>
              <a:gd name="connsiteY43" fmla="*/ 342001 h 338400"/>
              <a:gd name="connsiteX44" fmla="*/ 381655 w 475200"/>
              <a:gd name="connsiteY44" fmla="*/ 342001 h 338400"/>
              <a:gd name="connsiteX45" fmla="*/ 360055 w 475200"/>
              <a:gd name="connsiteY45" fmla="*/ 342001 h 338400"/>
              <a:gd name="connsiteX46" fmla="*/ 349253 w 475200"/>
              <a:gd name="connsiteY46" fmla="*/ 342001 h 338400"/>
              <a:gd name="connsiteX47" fmla="*/ 46855 w 475200"/>
              <a:gd name="connsiteY47" fmla="*/ 342001 h 338400"/>
              <a:gd name="connsiteX48" fmla="*/ 14453 w 475200"/>
              <a:gd name="connsiteY48" fmla="*/ 342001 h 338400"/>
              <a:gd name="connsiteX49" fmla="*/ 3653 w 475200"/>
              <a:gd name="connsiteY49" fmla="*/ 331201 h 338400"/>
              <a:gd name="connsiteX50" fmla="*/ 14453 w 475200"/>
              <a:gd name="connsiteY50" fmla="*/ 320401 h 338400"/>
              <a:gd name="connsiteX51" fmla="*/ 39362 w 475200"/>
              <a:gd name="connsiteY51" fmla="*/ 320401 h 338400"/>
              <a:gd name="connsiteX52" fmla="*/ 41470 w 475200"/>
              <a:gd name="connsiteY52" fmla="*/ 317773 h 338400"/>
              <a:gd name="connsiteX53" fmla="*/ 349 w 475200"/>
              <a:gd name="connsiteY53" fmla="*/ 132726 h 338400"/>
              <a:gd name="connsiteX54" fmla="*/ 14406 w 475200"/>
              <a:gd name="connsiteY54" fmla="*/ 115201 h 338400"/>
              <a:gd name="connsiteX55" fmla="*/ 233670 w 475200"/>
              <a:gd name="connsiteY55" fmla="*/ 115201 h 338400"/>
              <a:gd name="connsiteX56" fmla="*/ 247622 w 475200"/>
              <a:gd name="connsiteY56" fmla="*/ 126039 h 338400"/>
              <a:gd name="connsiteX57" fmla="*/ 425809 w 475200"/>
              <a:gd name="connsiteY57" fmla="*/ 229188 h 338400"/>
              <a:gd name="connsiteX58" fmla="*/ 423661 w 475200"/>
              <a:gd name="connsiteY58" fmla="*/ 226801 h 338400"/>
              <a:gd name="connsiteX59" fmla="*/ 361246 w 475200"/>
              <a:gd name="connsiteY59" fmla="*/ 226801 h 338400"/>
              <a:gd name="connsiteX60" fmla="*/ 359097 w 475200"/>
              <a:gd name="connsiteY60" fmla="*/ 229188 h 338400"/>
              <a:gd name="connsiteX61" fmla="*/ 368495 w 475200"/>
              <a:gd name="connsiteY61" fmla="*/ 318468 h 338400"/>
              <a:gd name="connsiteX62" fmla="*/ 370643 w 475200"/>
              <a:gd name="connsiteY62" fmla="*/ 320401 h 338400"/>
              <a:gd name="connsiteX63" fmla="*/ 414263 w 475200"/>
              <a:gd name="connsiteY63" fmla="*/ 320401 h 338400"/>
              <a:gd name="connsiteX64" fmla="*/ 416411 w 475200"/>
              <a:gd name="connsiteY64" fmla="*/ 318468 h 338400"/>
              <a:gd name="connsiteX65" fmla="*/ 425809 w 475200"/>
              <a:gd name="connsiteY65" fmla="*/ 229188 h 338400"/>
              <a:gd name="connsiteX66" fmla="*/ 424288 w 475200"/>
              <a:gd name="connsiteY66" fmla="*/ 205201 h 338400"/>
              <a:gd name="connsiteX67" fmla="*/ 426337 w 475200"/>
              <a:gd name="connsiteY67" fmla="*/ 202358 h 338400"/>
              <a:gd name="connsiteX68" fmla="*/ 424177 w 475200"/>
              <a:gd name="connsiteY68" fmla="*/ 195878 h 338400"/>
              <a:gd name="connsiteX69" fmla="*/ 422128 w 475200"/>
              <a:gd name="connsiteY69" fmla="*/ 194401 h 338400"/>
              <a:gd name="connsiteX70" fmla="*/ 362778 w 475200"/>
              <a:gd name="connsiteY70" fmla="*/ 194401 h 338400"/>
              <a:gd name="connsiteX71" fmla="*/ 360729 w 475200"/>
              <a:gd name="connsiteY71" fmla="*/ 195878 h 338400"/>
              <a:gd name="connsiteX72" fmla="*/ 358569 w 475200"/>
              <a:gd name="connsiteY72" fmla="*/ 202358 h 338400"/>
              <a:gd name="connsiteX73" fmla="*/ 360618 w 475200"/>
              <a:gd name="connsiteY73" fmla="*/ 205201 h 338400"/>
              <a:gd name="connsiteX74" fmla="*/ 424288 w 475200"/>
              <a:gd name="connsiteY74" fmla="*/ 205201 h 338400"/>
              <a:gd name="connsiteX75" fmla="*/ 288055 w 475200"/>
              <a:gd name="connsiteY75" fmla="*/ 306001 h 338400"/>
              <a:gd name="connsiteX76" fmla="*/ 343519 w 475200"/>
              <a:gd name="connsiteY76" fmla="*/ 306001 h 338400"/>
              <a:gd name="connsiteX77" fmla="*/ 345667 w 475200"/>
              <a:gd name="connsiteY77" fmla="*/ 307935 h 338400"/>
              <a:gd name="connsiteX78" fmla="*/ 346728 w 475200"/>
              <a:gd name="connsiteY78" fmla="*/ 318015 h 338400"/>
              <a:gd name="connsiteX79" fmla="*/ 344580 w 475200"/>
              <a:gd name="connsiteY79" fmla="*/ 320401 h 338400"/>
              <a:gd name="connsiteX80" fmla="*/ 65914 w 475200"/>
              <a:gd name="connsiteY80" fmla="*/ 320401 h 338400"/>
              <a:gd name="connsiteX81" fmla="*/ 63806 w 475200"/>
              <a:gd name="connsiteY81" fmla="*/ 318710 h 338400"/>
              <a:gd name="connsiteX82" fmla="*/ 23966 w 475200"/>
              <a:gd name="connsiteY82" fmla="*/ 139430 h 338400"/>
              <a:gd name="connsiteX83" fmla="*/ 26074 w 475200"/>
              <a:gd name="connsiteY83" fmla="*/ 136801 h 338400"/>
              <a:gd name="connsiteX84" fmla="*/ 226399 w 475200"/>
              <a:gd name="connsiteY84" fmla="*/ 136801 h 338400"/>
              <a:gd name="connsiteX85" fmla="*/ 228491 w 475200"/>
              <a:gd name="connsiteY85" fmla="*/ 138427 h 338400"/>
              <a:gd name="connsiteX86" fmla="*/ 267126 w 475200"/>
              <a:gd name="connsiteY86" fmla="*/ 289745 h 338400"/>
              <a:gd name="connsiteX87" fmla="*/ 270862 w 475200"/>
              <a:gd name="connsiteY87" fmla="*/ 304376 h 338400"/>
              <a:gd name="connsiteX88" fmla="*/ 272954 w 475200"/>
              <a:gd name="connsiteY88" fmla="*/ 306001 h 338400"/>
              <a:gd name="connsiteX89" fmla="*/ 288055 w 475200"/>
              <a:gd name="connsiteY89" fmla="*/ 306001 h 338400"/>
              <a:gd name="connsiteX90" fmla="*/ 147653 w 475200"/>
              <a:gd name="connsiteY90" fmla="*/ 244801 h 338400"/>
              <a:gd name="connsiteX91" fmla="*/ 158453 w 475200"/>
              <a:gd name="connsiteY91" fmla="*/ 234001 h 338400"/>
              <a:gd name="connsiteX92" fmla="*/ 147653 w 475200"/>
              <a:gd name="connsiteY92" fmla="*/ 223201 h 338400"/>
              <a:gd name="connsiteX93" fmla="*/ 136853 w 475200"/>
              <a:gd name="connsiteY93" fmla="*/ 234001 h 338400"/>
              <a:gd name="connsiteX94" fmla="*/ 147653 w 475200"/>
              <a:gd name="connsiteY94" fmla="*/ 244801 h 338400"/>
              <a:gd name="connsiteX95" fmla="*/ 147653 w 475200"/>
              <a:gd name="connsiteY95" fmla="*/ 262801 h 338400"/>
              <a:gd name="connsiteX96" fmla="*/ 176453 w 475200"/>
              <a:gd name="connsiteY96" fmla="*/ 234001 h 338400"/>
              <a:gd name="connsiteX97" fmla="*/ 147653 w 475200"/>
              <a:gd name="connsiteY97" fmla="*/ 205201 h 338400"/>
              <a:gd name="connsiteX98" fmla="*/ 118853 w 475200"/>
              <a:gd name="connsiteY98" fmla="*/ 234001 h 338400"/>
              <a:gd name="connsiteX99" fmla="*/ 147653 w 475200"/>
              <a:gd name="connsiteY99" fmla="*/ 262801 h 338400"/>
              <a:gd name="connsiteX100" fmla="*/ 437439 w 475200"/>
              <a:gd name="connsiteY100" fmla="*/ 55210 h 338400"/>
              <a:gd name="connsiteX101" fmla="*/ 422462 w 475200"/>
              <a:gd name="connsiteY101" fmla="*/ 52215 h 338400"/>
              <a:gd name="connsiteX102" fmla="*/ 419467 w 475200"/>
              <a:gd name="connsiteY102" fmla="*/ 67192 h 338400"/>
              <a:gd name="connsiteX103" fmla="*/ 422145 w 475200"/>
              <a:gd name="connsiteY103" fmla="*/ 71074 h 338400"/>
              <a:gd name="connsiteX104" fmla="*/ 422146 w 475200"/>
              <a:gd name="connsiteY104" fmla="*/ 71076 h 338400"/>
              <a:gd name="connsiteX105" fmla="*/ 422146 w 475200"/>
              <a:gd name="connsiteY105" fmla="*/ 71076 h 338400"/>
              <a:gd name="connsiteX106" fmla="*/ 425186 w 475200"/>
              <a:gd name="connsiteY106" fmla="*/ 75573 h 338400"/>
              <a:gd name="connsiteX107" fmla="*/ 428219 w 475200"/>
              <a:gd name="connsiteY107" fmla="*/ 81934 h 338400"/>
              <a:gd name="connsiteX108" fmla="*/ 428018 w 475200"/>
              <a:gd name="connsiteY108" fmla="*/ 85560 h 338400"/>
              <a:gd name="connsiteX109" fmla="*/ 421973 w 475200"/>
              <a:gd name="connsiteY109" fmla="*/ 92161 h 338400"/>
              <a:gd name="connsiteX110" fmla="*/ 406853 w 475200"/>
              <a:gd name="connsiteY110" fmla="*/ 119251 h 338400"/>
              <a:gd name="connsiteX111" fmla="*/ 420816 w 475200"/>
              <a:gd name="connsiteY111" fmla="*/ 148038 h 338400"/>
              <a:gd name="connsiteX112" fmla="*/ 436090 w 475200"/>
              <a:gd name="connsiteY112" fmla="*/ 148038 h 338400"/>
              <a:gd name="connsiteX113" fmla="*/ 436090 w 475200"/>
              <a:gd name="connsiteY113" fmla="*/ 132764 h 338400"/>
              <a:gd name="connsiteX114" fmla="*/ 428453 w 475200"/>
              <a:gd name="connsiteY114" fmla="*/ 119251 h 338400"/>
              <a:gd name="connsiteX115" fmla="*/ 434933 w 475200"/>
              <a:gd name="connsiteY115" fmla="*/ 109441 h 338400"/>
              <a:gd name="connsiteX116" fmla="*/ 447923 w 475200"/>
              <a:gd name="connsiteY116" fmla="*/ 93948 h 338400"/>
              <a:gd name="connsiteX117" fmla="*/ 449207 w 475200"/>
              <a:gd name="connsiteY117" fmla="*/ 76828 h 338400"/>
              <a:gd name="connsiteX118" fmla="*/ 443465 w 475200"/>
              <a:gd name="connsiteY118" fmla="*/ 64064 h 338400"/>
              <a:gd name="connsiteX119" fmla="*/ 439189 w 475200"/>
              <a:gd name="connsiteY119" fmla="*/ 57747 h 338400"/>
              <a:gd name="connsiteX120" fmla="*/ 437439 w 475200"/>
              <a:gd name="connsiteY120" fmla="*/ 55210 h 338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  <a:cxn ang="0">
                <a:pos x="connsiteX85" y="connsiteY85"/>
              </a:cxn>
              <a:cxn ang="0">
                <a:pos x="connsiteX86" y="connsiteY86"/>
              </a:cxn>
              <a:cxn ang="0">
                <a:pos x="connsiteX87" y="connsiteY87"/>
              </a:cxn>
              <a:cxn ang="0">
                <a:pos x="connsiteX88" y="connsiteY88"/>
              </a:cxn>
              <a:cxn ang="0">
                <a:pos x="connsiteX89" y="connsiteY89"/>
              </a:cxn>
              <a:cxn ang="0">
                <a:pos x="connsiteX90" y="connsiteY90"/>
              </a:cxn>
              <a:cxn ang="0">
                <a:pos x="connsiteX91" y="connsiteY91"/>
              </a:cxn>
              <a:cxn ang="0">
                <a:pos x="connsiteX92" y="connsiteY92"/>
              </a:cxn>
              <a:cxn ang="0">
                <a:pos x="connsiteX93" y="connsiteY93"/>
              </a:cxn>
              <a:cxn ang="0">
                <a:pos x="connsiteX94" y="connsiteY94"/>
              </a:cxn>
              <a:cxn ang="0">
                <a:pos x="connsiteX95" y="connsiteY95"/>
              </a:cxn>
              <a:cxn ang="0">
                <a:pos x="connsiteX96" y="connsiteY96"/>
              </a:cxn>
              <a:cxn ang="0">
                <a:pos x="connsiteX97" y="connsiteY97"/>
              </a:cxn>
              <a:cxn ang="0">
                <a:pos x="connsiteX98" y="connsiteY98"/>
              </a:cxn>
              <a:cxn ang="0">
                <a:pos x="connsiteX99" y="connsiteY99"/>
              </a:cxn>
              <a:cxn ang="0">
                <a:pos x="connsiteX100" y="connsiteY100"/>
              </a:cxn>
              <a:cxn ang="0">
                <a:pos x="connsiteX101" y="connsiteY101"/>
              </a:cxn>
              <a:cxn ang="0">
                <a:pos x="connsiteX102" y="connsiteY102"/>
              </a:cxn>
              <a:cxn ang="0">
                <a:pos x="connsiteX103" y="connsiteY103"/>
              </a:cxn>
              <a:cxn ang="0">
                <a:pos x="connsiteX104" y="connsiteY104"/>
              </a:cxn>
              <a:cxn ang="0">
                <a:pos x="connsiteX105" y="connsiteY105"/>
              </a:cxn>
              <a:cxn ang="0">
                <a:pos x="connsiteX106" y="connsiteY106"/>
              </a:cxn>
              <a:cxn ang="0">
                <a:pos x="connsiteX107" y="connsiteY107"/>
              </a:cxn>
              <a:cxn ang="0">
                <a:pos x="connsiteX108" y="connsiteY108"/>
              </a:cxn>
              <a:cxn ang="0">
                <a:pos x="connsiteX109" y="connsiteY109"/>
              </a:cxn>
              <a:cxn ang="0">
                <a:pos x="connsiteX110" y="connsiteY110"/>
              </a:cxn>
              <a:cxn ang="0">
                <a:pos x="connsiteX111" y="connsiteY111"/>
              </a:cxn>
              <a:cxn ang="0">
                <a:pos x="connsiteX112" y="connsiteY112"/>
              </a:cxn>
              <a:cxn ang="0">
                <a:pos x="connsiteX113" y="connsiteY113"/>
              </a:cxn>
              <a:cxn ang="0">
                <a:pos x="connsiteX114" y="connsiteY114"/>
              </a:cxn>
              <a:cxn ang="0">
                <a:pos x="connsiteX115" y="connsiteY115"/>
              </a:cxn>
              <a:cxn ang="0">
                <a:pos x="connsiteX116" y="connsiteY116"/>
              </a:cxn>
              <a:cxn ang="0">
                <a:pos x="connsiteX117" y="connsiteY117"/>
              </a:cxn>
              <a:cxn ang="0">
                <a:pos x="connsiteX118" y="connsiteY118"/>
              </a:cxn>
              <a:cxn ang="0">
                <a:pos x="connsiteX119" y="connsiteY119"/>
              </a:cxn>
              <a:cxn ang="0">
                <a:pos x="connsiteX120" y="connsiteY120"/>
              </a:cxn>
            </a:cxnLst>
            <a:rect l="l" t="t" r="r" b="b"/>
            <a:pathLst>
              <a:path w="475200" h="338400">
                <a:moveTo>
                  <a:pt x="368462" y="1815"/>
                </a:moveTo>
                <a:cubicBezTo>
                  <a:pt x="373425" y="-1494"/>
                  <a:pt x="380130" y="-152"/>
                  <a:pt x="383439" y="4810"/>
                </a:cubicBezTo>
                <a:cubicBezTo>
                  <a:pt x="383854" y="5432"/>
                  <a:pt x="384475" y="6323"/>
                  <a:pt x="385189" y="7347"/>
                </a:cubicBezTo>
                <a:cubicBezTo>
                  <a:pt x="386547" y="9293"/>
                  <a:pt x="388238" y="11715"/>
                  <a:pt x="389465" y="13664"/>
                </a:cubicBezTo>
                <a:cubicBezTo>
                  <a:pt x="391623" y="17093"/>
                  <a:pt x="393993" y="21439"/>
                  <a:pt x="395207" y="26429"/>
                </a:cubicBezTo>
                <a:cubicBezTo>
                  <a:pt x="396477" y="31653"/>
                  <a:pt x="396461" y="37524"/>
                  <a:pt x="393923" y="43547"/>
                </a:cubicBezTo>
                <a:cubicBezTo>
                  <a:pt x="391458" y="49396"/>
                  <a:pt x="386993" y="54496"/>
                  <a:pt x="380933" y="59041"/>
                </a:cubicBezTo>
                <a:cubicBezTo>
                  <a:pt x="375586" y="63051"/>
                  <a:pt x="374453" y="66454"/>
                  <a:pt x="374453" y="68851"/>
                </a:cubicBezTo>
                <a:cubicBezTo>
                  <a:pt x="374453" y="71646"/>
                  <a:pt x="375985" y="76260"/>
                  <a:pt x="382090" y="82364"/>
                </a:cubicBezTo>
                <a:cubicBezTo>
                  <a:pt x="386307" y="86582"/>
                  <a:pt x="386307" y="93420"/>
                  <a:pt x="382090" y="97638"/>
                </a:cubicBezTo>
                <a:cubicBezTo>
                  <a:pt x="377872" y="101856"/>
                  <a:pt x="371034" y="101856"/>
                  <a:pt x="366816" y="97638"/>
                </a:cubicBezTo>
                <a:cubicBezTo>
                  <a:pt x="358521" y="89343"/>
                  <a:pt x="352853" y="79556"/>
                  <a:pt x="352853" y="68851"/>
                </a:cubicBezTo>
                <a:cubicBezTo>
                  <a:pt x="352853" y="57748"/>
                  <a:pt x="358919" y="48551"/>
                  <a:pt x="367973" y="41761"/>
                </a:cubicBezTo>
                <a:cubicBezTo>
                  <a:pt x="371993" y="38746"/>
                  <a:pt x="373468" y="36466"/>
                  <a:pt x="374018" y="35160"/>
                </a:cubicBezTo>
                <a:cubicBezTo>
                  <a:pt x="374494" y="34028"/>
                  <a:pt x="374568" y="32970"/>
                  <a:pt x="374219" y="31534"/>
                </a:cubicBezTo>
                <a:cubicBezTo>
                  <a:pt x="373812" y="29863"/>
                  <a:pt x="372852" y="27820"/>
                  <a:pt x="371186" y="25173"/>
                </a:cubicBezTo>
                <a:cubicBezTo>
                  <a:pt x="370084" y="23422"/>
                  <a:pt x="369167" y="22123"/>
                  <a:pt x="368146" y="20676"/>
                </a:cubicBezTo>
                <a:lnTo>
                  <a:pt x="368146" y="20676"/>
                </a:lnTo>
                <a:lnTo>
                  <a:pt x="368145" y="20675"/>
                </a:lnTo>
                <a:cubicBezTo>
                  <a:pt x="367358" y="19560"/>
                  <a:pt x="366510" y="18357"/>
                  <a:pt x="365467" y="16792"/>
                </a:cubicBezTo>
                <a:cubicBezTo>
                  <a:pt x="362158" y="11829"/>
                  <a:pt x="363499" y="5124"/>
                  <a:pt x="368462" y="1815"/>
                </a:cubicBezTo>
                <a:close/>
                <a:moveTo>
                  <a:pt x="247622" y="126039"/>
                </a:moveTo>
                <a:lnTo>
                  <a:pt x="287639" y="282776"/>
                </a:lnTo>
                <a:cubicBezTo>
                  <a:pt x="287883" y="283733"/>
                  <a:pt x="288745" y="284401"/>
                  <a:pt x="289732" y="284401"/>
                </a:cubicBezTo>
                <a:lnTo>
                  <a:pt x="340790" y="284401"/>
                </a:lnTo>
                <a:cubicBezTo>
                  <a:pt x="342073" y="284401"/>
                  <a:pt x="343073" y="283291"/>
                  <a:pt x="342939" y="282015"/>
                </a:cubicBezTo>
                <a:lnTo>
                  <a:pt x="335690" y="213155"/>
                </a:lnTo>
                <a:cubicBezTo>
                  <a:pt x="335660" y="212870"/>
                  <a:pt x="335647" y="212587"/>
                  <a:pt x="335650" y="212309"/>
                </a:cubicBezTo>
                <a:lnTo>
                  <a:pt x="335030" y="206777"/>
                </a:lnTo>
                <a:cubicBezTo>
                  <a:pt x="334913" y="205739"/>
                  <a:pt x="335024" y="204688"/>
                  <a:pt x="335354" y="203697"/>
                </a:cubicBezTo>
                <a:lnTo>
                  <a:pt x="344012" y="177725"/>
                </a:lnTo>
                <a:cubicBezTo>
                  <a:pt x="344992" y="174784"/>
                  <a:pt x="347743" y="172801"/>
                  <a:pt x="350842" y="172801"/>
                </a:cubicBezTo>
                <a:lnTo>
                  <a:pt x="434064" y="172801"/>
                </a:lnTo>
                <a:cubicBezTo>
                  <a:pt x="437162" y="172801"/>
                  <a:pt x="439914" y="174784"/>
                  <a:pt x="440894" y="177725"/>
                </a:cubicBezTo>
                <a:lnTo>
                  <a:pt x="449552" y="203700"/>
                </a:lnTo>
                <a:cubicBezTo>
                  <a:pt x="449882" y="204689"/>
                  <a:pt x="449993" y="205739"/>
                  <a:pt x="449878" y="206775"/>
                </a:cubicBezTo>
                <a:lnTo>
                  <a:pt x="449256" y="212342"/>
                </a:lnTo>
                <a:cubicBezTo>
                  <a:pt x="449258" y="212610"/>
                  <a:pt x="449245" y="212882"/>
                  <a:pt x="449216" y="213155"/>
                </a:cubicBezTo>
                <a:lnTo>
                  <a:pt x="438178" y="318015"/>
                </a:lnTo>
                <a:cubicBezTo>
                  <a:pt x="438044" y="319291"/>
                  <a:pt x="439044" y="320401"/>
                  <a:pt x="440326" y="320401"/>
                </a:cubicBezTo>
                <a:lnTo>
                  <a:pt x="468053" y="320401"/>
                </a:lnTo>
                <a:cubicBezTo>
                  <a:pt x="474018" y="320401"/>
                  <a:pt x="478853" y="325237"/>
                  <a:pt x="478853" y="331201"/>
                </a:cubicBezTo>
                <a:cubicBezTo>
                  <a:pt x="478853" y="337166"/>
                  <a:pt x="474018" y="342001"/>
                  <a:pt x="468053" y="342001"/>
                </a:cubicBezTo>
                <a:lnTo>
                  <a:pt x="435653" y="342001"/>
                </a:lnTo>
                <a:lnTo>
                  <a:pt x="381655" y="342001"/>
                </a:lnTo>
                <a:lnTo>
                  <a:pt x="360055" y="342001"/>
                </a:lnTo>
                <a:lnTo>
                  <a:pt x="349253" y="342001"/>
                </a:lnTo>
                <a:lnTo>
                  <a:pt x="46855" y="342001"/>
                </a:lnTo>
                <a:lnTo>
                  <a:pt x="14453" y="342001"/>
                </a:lnTo>
                <a:cubicBezTo>
                  <a:pt x="8488" y="342001"/>
                  <a:pt x="3653" y="337166"/>
                  <a:pt x="3653" y="331201"/>
                </a:cubicBezTo>
                <a:cubicBezTo>
                  <a:pt x="3653" y="325237"/>
                  <a:pt x="8488" y="320401"/>
                  <a:pt x="14453" y="320401"/>
                </a:cubicBezTo>
                <a:lnTo>
                  <a:pt x="39362" y="320401"/>
                </a:lnTo>
                <a:cubicBezTo>
                  <a:pt x="40744" y="320401"/>
                  <a:pt x="41770" y="319122"/>
                  <a:pt x="41470" y="317773"/>
                </a:cubicBezTo>
                <a:lnTo>
                  <a:pt x="349" y="132726"/>
                </a:lnTo>
                <a:cubicBezTo>
                  <a:pt x="-1650" y="123732"/>
                  <a:pt x="5193" y="115201"/>
                  <a:pt x="14406" y="115201"/>
                </a:cubicBezTo>
                <a:lnTo>
                  <a:pt x="233670" y="115201"/>
                </a:lnTo>
                <a:cubicBezTo>
                  <a:pt x="240250" y="115201"/>
                  <a:pt x="245994" y="119663"/>
                  <a:pt x="247622" y="126039"/>
                </a:cubicBezTo>
                <a:close/>
                <a:moveTo>
                  <a:pt x="425809" y="229188"/>
                </a:moveTo>
                <a:cubicBezTo>
                  <a:pt x="425943" y="227912"/>
                  <a:pt x="424943" y="226801"/>
                  <a:pt x="423661" y="226801"/>
                </a:cubicBezTo>
                <a:lnTo>
                  <a:pt x="361246" y="226801"/>
                </a:lnTo>
                <a:cubicBezTo>
                  <a:pt x="359963" y="226801"/>
                  <a:pt x="358963" y="227912"/>
                  <a:pt x="359097" y="229188"/>
                </a:cubicBezTo>
                <a:lnTo>
                  <a:pt x="368495" y="318468"/>
                </a:lnTo>
                <a:cubicBezTo>
                  <a:pt x="368610" y="319567"/>
                  <a:pt x="369538" y="320401"/>
                  <a:pt x="370643" y="320401"/>
                </a:cubicBezTo>
                <a:lnTo>
                  <a:pt x="414263" y="320401"/>
                </a:lnTo>
                <a:cubicBezTo>
                  <a:pt x="415368" y="320401"/>
                  <a:pt x="416295" y="319567"/>
                  <a:pt x="416411" y="318468"/>
                </a:cubicBezTo>
                <a:lnTo>
                  <a:pt x="425809" y="229188"/>
                </a:lnTo>
                <a:close/>
                <a:moveTo>
                  <a:pt x="424288" y="205201"/>
                </a:moveTo>
                <a:cubicBezTo>
                  <a:pt x="425762" y="205201"/>
                  <a:pt x="426803" y="203757"/>
                  <a:pt x="426337" y="202358"/>
                </a:cubicBezTo>
                <a:lnTo>
                  <a:pt x="424177" y="195878"/>
                </a:lnTo>
                <a:cubicBezTo>
                  <a:pt x="423883" y="194996"/>
                  <a:pt x="423058" y="194401"/>
                  <a:pt x="422128" y="194401"/>
                </a:cubicBezTo>
                <a:lnTo>
                  <a:pt x="362778" y="194401"/>
                </a:lnTo>
                <a:cubicBezTo>
                  <a:pt x="361848" y="194401"/>
                  <a:pt x="361023" y="194996"/>
                  <a:pt x="360729" y="195878"/>
                </a:cubicBezTo>
                <a:lnTo>
                  <a:pt x="358569" y="202358"/>
                </a:lnTo>
                <a:cubicBezTo>
                  <a:pt x="358103" y="203757"/>
                  <a:pt x="359144" y="205201"/>
                  <a:pt x="360618" y="205201"/>
                </a:cubicBezTo>
                <a:lnTo>
                  <a:pt x="424288" y="205201"/>
                </a:lnTo>
                <a:close/>
                <a:moveTo>
                  <a:pt x="288055" y="306001"/>
                </a:moveTo>
                <a:lnTo>
                  <a:pt x="343519" y="306001"/>
                </a:lnTo>
                <a:cubicBezTo>
                  <a:pt x="344624" y="306001"/>
                  <a:pt x="345551" y="306836"/>
                  <a:pt x="345667" y="307935"/>
                </a:cubicBezTo>
                <a:lnTo>
                  <a:pt x="346728" y="318015"/>
                </a:lnTo>
                <a:cubicBezTo>
                  <a:pt x="346862" y="319291"/>
                  <a:pt x="345862" y="320401"/>
                  <a:pt x="344580" y="320401"/>
                </a:cubicBezTo>
                <a:lnTo>
                  <a:pt x="65914" y="320401"/>
                </a:lnTo>
                <a:cubicBezTo>
                  <a:pt x="64902" y="320401"/>
                  <a:pt x="64025" y="319698"/>
                  <a:pt x="63806" y="318710"/>
                </a:cubicBezTo>
                <a:lnTo>
                  <a:pt x="23966" y="139430"/>
                </a:lnTo>
                <a:cubicBezTo>
                  <a:pt x="23666" y="138081"/>
                  <a:pt x="24692" y="136801"/>
                  <a:pt x="26074" y="136801"/>
                </a:cubicBezTo>
                <a:lnTo>
                  <a:pt x="226399" y="136801"/>
                </a:lnTo>
                <a:cubicBezTo>
                  <a:pt x="227386" y="136801"/>
                  <a:pt x="228247" y="137470"/>
                  <a:pt x="228491" y="138427"/>
                </a:cubicBezTo>
                <a:lnTo>
                  <a:pt x="267126" y="289745"/>
                </a:lnTo>
                <a:lnTo>
                  <a:pt x="270862" y="304376"/>
                </a:lnTo>
                <a:cubicBezTo>
                  <a:pt x="271106" y="305333"/>
                  <a:pt x="271967" y="306001"/>
                  <a:pt x="272954" y="306001"/>
                </a:cubicBezTo>
                <a:lnTo>
                  <a:pt x="288055" y="306001"/>
                </a:lnTo>
                <a:close/>
                <a:moveTo>
                  <a:pt x="147653" y="244801"/>
                </a:moveTo>
                <a:cubicBezTo>
                  <a:pt x="153618" y="244801"/>
                  <a:pt x="158453" y="239966"/>
                  <a:pt x="158453" y="234001"/>
                </a:cubicBezTo>
                <a:cubicBezTo>
                  <a:pt x="158453" y="228037"/>
                  <a:pt x="153618" y="223201"/>
                  <a:pt x="147653" y="223201"/>
                </a:cubicBezTo>
                <a:cubicBezTo>
                  <a:pt x="141688" y="223201"/>
                  <a:pt x="136853" y="228037"/>
                  <a:pt x="136853" y="234001"/>
                </a:cubicBezTo>
                <a:cubicBezTo>
                  <a:pt x="136853" y="239966"/>
                  <a:pt x="141688" y="244801"/>
                  <a:pt x="147653" y="244801"/>
                </a:cubicBezTo>
                <a:close/>
                <a:moveTo>
                  <a:pt x="147653" y="262801"/>
                </a:moveTo>
                <a:cubicBezTo>
                  <a:pt x="163559" y="262801"/>
                  <a:pt x="176453" y="249907"/>
                  <a:pt x="176453" y="234001"/>
                </a:cubicBezTo>
                <a:cubicBezTo>
                  <a:pt x="176453" y="218096"/>
                  <a:pt x="163559" y="205201"/>
                  <a:pt x="147653" y="205201"/>
                </a:cubicBezTo>
                <a:cubicBezTo>
                  <a:pt x="131747" y="205201"/>
                  <a:pt x="118853" y="218096"/>
                  <a:pt x="118853" y="234001"/>
                </a:cubicBezTo>
                <a:cubicBezTo>
                  <a:pt x="118853" y="249907"/>
                  <a:pt x="131747" y="262801"/>
                  <a:pt x="147653" y="262801"/>
                </a:cubicBezTo>
                <a:close/>
                <a:moveTo>
                  <a:pt x="437439" y="55210"/>
                </a:moveTo>
                <a:cubicBezTo>
                  <a:pt x="434130" y="50248"/>
                  <a:pt x="427425" y="48906"/>
                  <a:pt x="422462" y="52215"/>
                </a:cubicBezTo>
                <a:cubicBezTo>
                  <a:pt x="417499" y="55524"/>
                  <a:pt x="416158" y="62229"/>
                  <a:pt x="419467" y="67192"/>
                </a:cubicBezTo>
                <a:cubicBezTo>
                  <a:pt x="420510" y="68757"/>
                  <a:pt x="421358" y="69960"/>
                  <a:pt x="422145" y="71074"/>
                </a:cubicBezTo>
                <a:lnTo>
                  <a:pt x="422146" y="71076"/>
                </a:lnTo>
                <a:lnTo>
                  <a:pt x="422146" y="71076"/>
                </a:lnTo>
                <a:cubicBezTo>
                  <a:pt x="423167" y="72523"/>
                  <a:pt x="424084" y="73822"/>
                  <a:pt x="425186" y="75573"/>
                </a:cubicBezTo>
                <a:cubicBezTo>
                  <a:pt x="426852" y="78219"/>
                  <a:pt x="427812" y="80263"/>
                  <a:pt x="428219" y="81934"/>
                </a:cubicBezTo>
                <a:cubicBezTo>
                  <a:pt x="428568" y="83370"/>
                  <a:pt x="428494" y="84429"/>
                  <a:pt x="428018" y="85560"/>
                </a:cubicBezTo>
                <a:cubicBezTo>
                  <a:pt x="427468" y="86866"/>
                  <a:pt x="425993" y="89146"/>
                  <a:pt x="421973" y="92161"/>
                </a:cubicBezTo>
                <a:cubicBezTo>
                  <a:pt x="412919" y="98951"/>
                  <a:pt x="406853" y="108148"/>
                  <a:pt x="406853" y="119251"/>
                </a:cubicBezTo>
                <a:cubicBezTo>
                  <a:pt x="406853" y="129956"/>
                  <a:pt x="412521" y="139743"/>
                  <a:pt x="420816" y="148038"/>
                </a:cubicBezTo>
                <a:cubicBezTo>
                  <a:pt x="425034" y="152256"/>
                  <a:pt x="431872" y="152256"/>
                  <a:pt x="436090" y="148038"/>
                </a:cubicBezTo>
                <a:cubicBezTo>
                  <a:pt x="440307" y="143820"/>
                  <a:pt x="440307" y="136982"/>
                  <a:pt x="436090" y="132764"/>
                </a:cubicBezTo>
                <a:cubicBezTo>
                  <a:pt x="429985" y="126660"/>
                  <a:pt x="428453" y="122046"/>
                  <a:pt x="428453" y="119251"/>
                </a:cubicBezTo>
                <a:cubicBezTo>
                  <a:pt x="428453" y="116855"/>
                  <a:pt x="429586" y="113451"/>
                  <a:pt x="434933" y="109441"/>
                </a:cubicBezTo>
                <a:cubicBezTo>
                  <a:pt x="440993" y="104896"/>
                  <a:pt x="445458" y="99796"/>
                  <a:pt x="447923" y="93948"/>
                </a:cubicBezTo>
                <a:cubicBezTo>
                  <a:pt x="450461" y="87924"/>
                  <a:pt x="450477" y="82053"/>
                  <a:pt x="449207" y="76828"/>
                </a:cubicBezTo>
                <a:cubicBezTo>
                  <a:pt x="447993" y="71839"/>
                  <a:pt x="445623" y="67493"/>
                  <a:pt x="443465" y="64064"/>
                </a:cubicBezTo>
                <a:cubicBezTo>
                  <a:pt x="442238" y="62115"/>
                  <a:pt x="440547" y="59693"/>
                  <a:pt x="439189" y="57747"/>
                </a:cubicBezTo>
                <a:cubicBezTo>
                  <a:pt x="438475" y="56723"/>
                  <a:pt x="437854" y="55832"/>
                  <a:pt x="437439" y="55210"/>
                </a:cubicBezTo>
                <a:close/>
              </a:path>
            </a:pathLst>
          </a:custGeom>
          <a:solidFill>
            <a:schemeClr val="bg2">
              <a:lumMod val="25000"/>
            </a:schemeClr>
          </a:solidFill>
          <a:ln w="9525" cap="flat">
            <a:noFill/>
            <a:prstDash val="solid"/>
            <a:miter/>
          </a:ln>
        </p:spPr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>
            <a:defPPr>
              <a:defRPr lang="en-US"/>
            </a:defPPr>
            <a:lvl1pPr marL="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4572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ru-RU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677592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5B7BBEE-A4CE-40DB-3CE4-B844CB5A6DF5}"/>
              </a:ext>
            </a:extLst>
          </p:cNvPr>
          <p:cNvSpPr>
            <a:spLocks noGrp="1"/>
          </p:cNvSpPr>
          <p:nvPr>
            <p:ph type="body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E4B16863-2C07-0CAB-DFDB-01AD9B6EE4A9}"/>
              </a:ext>
            </a:extLst>
          </p:cNvPr>
          <p:cNvSpPr>
            <a:spLocks noGrp="1"/>
          </p:cNvSpPr>
          <p:nvPr>
            <p:ph type="title" idx="10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ISPRING_QUIZ_SHAPE0">
            <a:extLst>
              <a:ext uri="{FF2B5EF4-FFF2-40B4-BE49-F238E27FC236}">
                <a16:creationId xmlns:a16="http://schemas.microsoft.com/office/drawing/2014/main" id="{8DEB976B-88F7-2183-4CCD-F5AD799944EB}"/>
              </a:ext>
            </a:extLst>
          </p:cNvPr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>
            <a:extLst>
              <a:ext uri="{FF2B5EF4-FFF2-40B4-BE49-F238E27FC236}">
                <a16:creationId xmlns:a16="http://schemas.microsoft.com/office/drawing/2014/main" id="{BF657A89-8A32-2652-8042-D63DEBBEA2FF}"/>
              </a:ext>
            </a:extLst>
          </p:cNvPr>
          <p:cNvPicPr>
            <a:picLocks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1609090" y="1851660"/>
            <a:ext cx="59309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9" name="ISPRING_QUIZ_SHAPE2">
            <a:extLst>
              <a:ext uri="{FF2B5EF4-FFF2-40B4-BE49-F238E27FC236}">
                <a16:creationId xmlns:a16="http://schemas.microsoft.com/office/drawing/2014/main" id="{70641778-7D1C-02D2-6F5E-7758EFA58776}"/>
              </a:ext>
            </a:extLst>
          </p:cNvPr>
          <p:cNvSpPr txBox="1"/>
          <p:nvPr/>
        </p:nvSpPr>
        <p:spPr>
          <a:xfrm>
            <a:off x="548640" y="411480"/>
            <a:ext cx="804672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dirty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1" name="ISPRING_QUIZ_SHAPE3">
            <a:extLst>
              <a:ext uri="{FF2B5EF4-FFF2-40B4-BE49-F238E27FC236}">
                <a16:creationId xmlns:a16="http://schemas.microsoft.com/office/drawing/2014/main" id="{6291715B-FD09-E5A4-4CDB-B414BD7864DC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3833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2" name="ISPRING_QUIZ_SHAPE4">
            <a:extLst>
              <a:ext uri="{FF2B5EF4-FFF2-40B4-BE49-F238E27FC236}">
                <a16:creationId xmlns:a16="http://schemas.microsoft.com/office/drawing/2014/main" id="{71FBF074-3F10-BE39-B587-4DEE9BD807C0}"/>
              </a:ext>
            </a:extLst>
          </p:cNvPr>
          <p:cNvSpPr txBox="1"/>
          <p:nvPr/>
        </p:nvSpPr>
        <p:spPr>
          <a:xfrm>
            <a:off x="548640" y="1097280"/>
            <a:ext cx="804672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1C2A14D2-696F-01C0-BD22-1B5121066892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4786" y="5949192"/>
            <a:ext cx="705991" cy="70599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37933739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RRENT_PLAYER_ID" val="universal"/>
  <p:tag name="ISPRING_PROJECT_FOLDER_UPDATED" val="1"/>
  <p:tag name="ISPRING_LMS_API_VERSION" val="SCORM 1.2"/>
  <p:tag name="ISPRING_ULTRA_SCORM_COURSE_ID" val="6592D059-94DB-45D2-8032-A45D7F689B0F"/>
  <p:tag name="ISPRING_CMI5_LAUNCH_METHOD" val="any window"/>
  <p:tag name="ISPRING_SCORM_RATE_SLIDES" val="0"/>
  <p:tag name="ISPRING_FIRST_PUBLISH" val="1"/>
  <p:tag name="ISPRING_PROJECT_VERSION" val="9.3"/>
  <p:tag name="ISPRINGCLOUDFOLDERID" val="0"/>
  <p:tag name="ISPRINGONLINEFOLDERID" val="0"/>
  <p:tag name="ISPRING_PLAYERS_CUSTOMIZATION_2" val="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"/>
  <p:tag name="ISPRING_UUID" val="{056AC54D-5CF6-47D3-9EA4-66946A589EAE}"/>
  <p:tag name="ISPRING_RESOURCE_FOLDER" val="C:\Users\Public\Documents\iSpring Suite 10\Course template\Course template\"/>
  <p:tag name="ISPRING_PRESENTATION_PATH" val="C:\Users\Public\Documents\iSpring Suite 10\Course template\Course template.pptx"/>
  <p:tag name="ISPRING_SCREEN_RECS_UPDATED" val="C:\Users\Public\Documents\iSpring Suite 10\Course template\Course template\"/>
  <p:tag name="ISPRING_ULTRA_SCORM_COURCE_TITLE" val="Digital Literacy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\uFFFD\u0005\u0618{4875BD4D-B598-4267-ACEB-CC630C4462AB}&quot;,&quot;C:\\Users\\Public\\Documents\\iSpring Suite 10\\Course template&quot;],[&quot;\uFFFD\uFFFD\uFFFD\uFFFD{1AAC3A77-C8CC-4E78-A0E1-53FC701E038B}&quot;,&quot;C:\\projects\\ispring\\flashspring\\flashspring\\app\\genswfx\\other\\english\\docs\\GettingStartedSuite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TRUE&quot;,&quot;language&quot;:&quot;EN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&quot;description&quot;:&quot;Experimenting with ispring authoring tool.\r\n\r\nCreated a digital literacy course&quot;,&quot;category&quot;:&quot;27&quot;}},&quot;ispringOnlineSettings&quot;:{&quot;onlineDestinationFolderId&quot;:&quot;0&quot;},&quot;cloudSettings&quot;:{&quot;onlineDestinationFolderId&quot;:&quot;0&quot;},&quot;publishDestination&quot;:&quot;VIDEO&quot;,&quot;wordSettings&quot;:{&quot;printCopies&quot;:1},&quot;studioSettings&quot;:{&quot;onlineDestinationFolderId&quot;:&quot;0&quot;}}"/>
  <p:tag name="ISPRING_SCORM_PASSING_SCORE" val="80.000000"/>
  <p:tag name="ISPRING_PRESENTATION_TITLE" val="Digital Literacy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8872C9B6-26FD-49AC-B16E-24371F69AC35}:273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325F6AD5-0F6F-4A03-82D6-BCDF788B6CCB}:26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v_QiTxKzNWQB_yZTaIbHg&quot;,&quot;gi&quot;:&quot;HKol0BNKmayonAYkNQLWJg&quot;,&quot;ti&quot;:&quot;characters&quot;,&quot;vs&quot;:{&quot;f&quot;:[851,674],&quot;i&quot;:{&quot;d&quot;:&quot;jv_QiTxKzNWQB_yZTaIbHg&quot;,&quot;p&quot;:true}}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E0DE5F71-53F1-4E0B-AC5E-12B7BE6F264E}:265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_7o9YW5t7f64WP1RRS5EdQ&quot;,&quot;gi&quot;:&quot;FGqgo8LJlWW1vXT3-lNxyg&quot;,&quot;ti&quot;:&quot;ui_elements&quot;,&quot;vs&quot;:{&quot;f&quot;:[335,145],&quot;i&quot;:{&quot;d&quot;:&quot;_7o9YW5t7f64WP1RRS5EdQ&quot;,&quot;p&quot;:true}}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8E5AFE2B-C137-4C46-8F3A-AC761B34BAC9}:268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8E5AFE2B-C137-4C46-8F3A-AC761B34BAC9}:268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EHn-Z6C2S7woF5_nRmDFhg&quot;,&quot;gi&quot;:&quot;B_ZoME8Um5gIPsvaw5hqWQ&quot;,&quot;ti&quot;:&quot;characters&quot;,&quot;vs&quot;:{&quot;f&quot;:[501],&quot;i&quot;:{&quot;d&quot;:&quot;EHn-Z6C2S7woF5_nRmDFhg&quot;,&quot;p&quot;:true}}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0AB86956-6B85-4DB1-AB2C-05F65C3F09A7}:27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ib9QmqGfD7FJwlko490qg&quot;,&quot;gi&quot;:&quot;FGqgo8LJlWW1vXT3-lNxyg&quot;,&quot;ti&quot;:&quot;ui_elements&quot;,&quot;vs&quot;:{&quot;f&quot;:[335],&quot;i&quot;:{&quot;d&quot;:&quot;xib9QmqGfD7FJwlko490qg&quot;,&quot;p&quot;:true}}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T1jGwIijo3ZKgy8boEHo_A&quot;,&quot;gi&quot;:&quot;FGqgo8LJlWW1vXT3-lNxyg&quot;,&quot;ti&quot;:&quot;ui_elements&quot;,&quot;vs&quot;:{&quot;f&quot;:[335,145],&quot;i&quot;:{&quot;d&quot;:&quot;T1jGwIijo3ZKgy8boEHo_A&quot;,&quot;p&quot;:true}}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3dRQOWCS8U2nAQx-GuVuNg&quot;,&quot;gi&quot;:&quot;FGqgo8LJlWW1vXT3-lNxyg&quot;,&quot;ti&quot;:&quot;ui_elements&quot;,&quot;vs&quot;:{&quot;f&quot;:[335,89],&quot;i&quot;:{&quot;d&quot;:&quot;3dRQOWCS8U2nAQx-GuVuNg&quot;,&quot;p&quot;:true}}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a2hH5r-V7lUW6AzW34GNlw&quot;,&quot;gi&quot;:&quot;FGqgo8LJlWW1vXT3-lNxyg&quot;,&quot;ti&quot;:&quot;ui_elements&quot;,&quot;vs&quot;:{&quot;f&quot;:[335,89],&quot;i&quot;:{&quot;d&quot;:&quot;a2hH5r-V7lUW6AzW34GNlw&quot;,&quot;p&quot;:true}}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D40FF71-AC3A-44AB-A03B-522978B5C75D}:274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Public\Documents\iSpring Suite 10\Course template\Course template\quiz\quiz1.quiz"/>
  <p:tag name="ISPRING_QUIZ_RELATIVE_PATH" val="Course template\quiz\quiz1.quiz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Theme">
  <a:themeElements>
    <a:clrScheme name="Navigation Dark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92D050"/>
      </a:accent4>
      <a:accent5>
        <a:srgbClr val="4472C4"/>
      </a:accent5>
      <a:accent6>
        <a:srgbClr val="34BD2D"/>
      </a:accent6>
      <a:hlink>
        <a:srgbClr val="5B9BD5"/>
      </a:hlink>
      <a:folHlink>
        <a:srgbClr val="954F72"/>
      </a:folHlink>
    </a:clrScheme>
    <a:fontScheme name="Navigation Light">
      <a:majorFont>
        <a:latin typeface="Roboto Slab"/>
        <a:ea typeface=""/>
        <a:cs typeface=""/>
      </a:majorFont>
      <a:minorFont>
        <a:latin typeface="Roboto"/>
        <a:ea typeface=""/>
        <a:cs typeface=""/>
      </a:minorFont>
    </a:fontScheme>
    <a:fmtScheme name="Тема 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27310BAD-FFDB-484D-9D85-F9C2BF77D473}" vid="{C0042956-AC8F-401A-B778-9BE64D33B7B1}"/>
    </a:ext>
  </a:extLst>
</a:theme>
</file>

<file path=ppt/theme/theme2.xml><?xml version="1.0" encoding="utf-8"?>
<a:theme xmlns:a="http://schemas.openxmlformats.org/drawingml/2006/main" name="1_Theme">
  <a:themeElements>
    <a:clrScheme name="Dialog Support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61D840"/>
      </a:accent5>
      <a:accent6>
        <a:srgbClr val="56BF4A"/>
      </a:accent6>
      <a:hlink>
        <a:srgbClr val="0563C1"/>
      </a:hlink>
      <a:folHlink>
        <a:srgbClr val="954F72"/>
      </a:folHlink>
    </a:clrScheme>
    <a:fontScheme name="Dialog Support">
      <a:majorFont>
        <a:latin typeface="Roboto"/>
        <a:ea typeface=""/>
        <a:cs typeface=""/>
      </a:majorFont>
      <a:minorFont>
        <a:latin typeface="Open Sans"/>
        <a:ea typeface=""/>
        <a:cs typeface=""/>
      </a:minorFont>
    </a:fontScheme>
    <a:fmtScheme name="Тема 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A0DF717C-48B9-4B1E-B8B8-CCBE7B04A0BD}" vid="{1500DC31-C41A-4AE8-ACF8-686DFDA8E9AE}"/>
    </a:ext>
  </a:extLst>
</a:theme>
</file>

<file path=ppt/theme/theme3.xml><?xml version="1.0" encoding="utf-8"?>
<a:theme xmlns:a="http://schemas.openxmlformats.org/drawingml/2006/main" name="2_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3944FE52-47D3-4127-A149-DA466F9114D6}" vid="{598CEFF7-5E3D-41B2-9D2B-A5D13B285D38}"/>
    </a:ext>
  </a:extLst>
</a:theme>
</file>

<file path=ppt/theme/theme4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789</TotalTime>
  <Words>382</Words>
  <Application>Microsoft Office PowerPoint</Application>
  <PresentationFormat>On-screen Show (4:3)</PresentationFormat>
  <Paragraphs>54</Paragraphs>
  <Slides>7</Slides>
  <Notes>7</Notes>
  <HiddenSlides>0</HiddenSlides>
  <MMClips>0</MMClips>
  <ScaleCrop>false</ScaleCrop>
  <HeadingPairs>
    <vt:vector size="6" baseType="variant">
      <vt:variant>
        <vt:lpstr>Fonts Used</vt:lpstr>
      </vt:variant>
      <vt:variant>
        <vt:i4>12</vt:i4>
      </vt:variant>
      <vt:variant>
        <vt:lpstr>Theme</vt:lpstr>
      </vt:variant>
      <vt:variant>
        <vt:i4>3</vt:i4>
      </vt:variant>
      <vt:variant>
        <vt:lpstr>Slide Titles</vt:lpstr>
      </vt:variant>
      <vt:variant>
        <vt:i4>7</vt:i4>
      </vt:variant>
    </vt:vector>
  </HeadingPairs>
  <TitlesOfParts>
    <vt:vector size="22" baseType="lpstr">
      <vt:lpstr>Arial</vt:lpstr>
      <vt:lpstr>Calibri</vt:lpstr>
      <vt:lpstr>Merriweather</vt:lpstr>
      <vt:lpstr>Merriweather Light</vt:lpstr>
      <vt:lpstr>Open Sans</vt:lpstr>
      <vt:lpstr>Raleway</vt:lpstr>
      <vt:lpstr>Raleway ExtraBold</vt:lpstr>
      <vt:lpstr>Raleway Light</vt:lpstr>
      <vt:lpstr>Raleway SemiBold</vt:lpstr>
      <vt:lpstr>Roboto</vt:lpstr>
      <vt:lpstr>Segoe UI</vt:lpstr>
      <vt:lpstr>Segoe UI Semibold</vt:lpstr>
      <vt:lpstr>Theme</vt:lpstr>
      <vt:lpstr>1_Theme</vt:lpstr>
      <vt:lpstr>2_Theme</vt:lpstr>
      <vt:lpstr>Digital Classroom</vt:lpstr>
      <vt:lpstr>Course Objectives</vt:lpstr>
      <vt:lpstr>Digital Literacy</vt:lpstr>
      <vt:lpstr>Digital Tools</vt:lpstr>
      <vt:lpstr>Importance </vt:lpstr>
      <vt:lpstr>Summary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igital Literacy</dc:title>
  <dc:creator>Ekaterina Ataikina</dc:creator>
  <cp:lastModifiedBy>kelvin@ghanatechlab.com</cp:lastModifiedBy>
  <cp:revision>68</cp:revision>
  <dcterms:created xsi:type="dcterms:W3CDTF">2018-06-20T10:03:49Z</dcterms:created>
  <dcterms:modified xsi:type="dcterms:W3CDTF">2022-04-30T02:02:16Z</dcterms:modified>
</cp:coreProperties>
</file>